
<file path=[Content_Types].xml><?xml version="1.0" encoding="utf-8"?>
<Types xmlns="http://schemas.openxmlformats.org/package/2006/content-types">
  <Default Extension="rels" ContentType="application/vnd.openxmlformats-package.relationships+xml"/>
  <Default Extension="xml" ContentType="application/rtf"/>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altChunk r:id="RUm6"/>
    <w:p w:rsidR="005C2E99" w:rsidRPr="001E3DFD" w:rsidRDefault="001E3DFD" w:rsidP="001E3DFD">
      <w:bookmarkStart w:id="0" w:name="_GoBack"/>
      <w:bookmarkEnd w:id="0"/>
    </w:p>
    <w:sectPr w:rsidR="005C2E99" w:rsidRPr="001E3DFD" w:rsidSect="0077561D">
      <w:pgSz w:w="11906" w:h="16838" w:code="9"/>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hter.xml>{\rtf1{\*\svb 0105000002000000180000004D73786D6C322E534158584D4C5265616465722E362E3000000000000000000000480000D0CF11E0A1B11AE1000000000000000000000000000000003E000300FEFF0900060000000000000000000000010000000100000000000000001000000200000001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04000000FEFFFFFF0500000008000000060000000700000021000000FEFFFFFF0A0000000B0000000C0000000D0000000E0000000F000000100000001100000012000000130000001400000015000000160000001700000018000000190000001A0000001B0000001C0000001D0000001E0000001F00000020000000FEFFFFFF22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4D65646961536572766963654D6574616461746122206D613A696E6465783D223822206E696C6C61626C653D227472756522206D613A646973706C61794E616D653D224D65646961536572766963654D6574616461746122206D613A68696464656E3D227472756522206D613A696E7465726E616C4E616D653D224D6564696153657276696365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66173744D6574616461746122206D613A696E6465783D223922206E696C6C61626C653D227472756522206D613A646973706C61794E616D653D224D6564696153657276696365466173744D6574616461746122206D613A68696464656E3D227472756522206D613A696E7465726E616C4E616D653D224D656469615365727669636546617374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F435222206D613A696E6465783D22313022206E696C6C61626C653D227472756522206D613A646973706C61794E616D653D224D65646961536572766963654F435222206D613A696E7465726E616C4E616D653D224D65646961536572766963654F4352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175746F5461677322206D613A696E6465783D22313122206E696C6C61626C653D227472756522206D613A646973706C61794E616D653D224D65646961536572766963654175746F5461677322206D613A696E7465726E616C4E616D653D224D65646961536572766963654175746F54616773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576656E7448617368436F646522206D613A696E6465783D22313222206E696C6C61626C653D227472756522206D613A646973706C61794E616D653D224D65646961536572766963654576656E7448617368436F646522206D613A68696464656E3D227472756522206D613A696E7465726E616C4E616D653D224D65646961536572766963654576656E7448617368436F64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7656E65726174696F6E54696D6522206D613A696E6465783D22313322206E696C6C61626C653D227472756522206D613A646973706C61794E616D653D224D656469615365727669636547656E65726174696F6E54696D6522206D613A68696464656E3D227472756522206D613A696E7465726E616C4E616D653D224D656469615365727669636547656E65726174696F6E54696D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175746F4B6579506F696E747322206D613A696E6465783D22313622206E696C6C61626C653D227472756522206D613A646973706C61794E616D653D224D65646961536572766963654175746F4B6579506F696E747322206D613A68696464656E3D227472756522206D613A696E7465726E616C4E616D653D224D65646961536572766963654175746F4B6579506F696E7473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B6579506F696E747322206D613A696E6465783D22313722206E696C6C61626C653D227472756522206D613A646973706C61794E616D653D224B6579506F696E747322206D613A696E7465726E616C4E616D653D224D65646961536572766963654B6579506F696E747322206D613A726561644F6E6C793D2266616C73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050000000000000105000002000000180000004D73786D6C322E534158584D4C5265616465722E362E3000000000000000000000480000D0CF11E0A1B11AE1000000000000000000000000000000003E000300FEFF0900060000000000000000000000010000000100000000000000001000000200000001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04000000FEFFFFFF0500000008000000060000000700000021000000FEFFFFFF0A0000000B0000000C0000000D0000000E0000000F000000100000001100000012000000130000001400000015000000160000001700000018000000190000001A0000001B0000001C0000001D0000001E0000001F00000020000000FEFFFFFF22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4D65646961536572766963654D6574616461746122206D613A696E6465783D223822206E696C6C61626C653D227472756522206D613A646973706C61794E616D653D224D65646961536572766963654D6574616461746122206D613A68696464656E3D227472756522206D613A696E7465726E616C4E616D653D224D6564696153657276696365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66173744D6574616461746122206D613A696E6465783D223922206E696C6C61626C653D227472756522206D613A646973706C61794E616D653D224D6564696153657276696365466173744D6574616461746122206D613A68696464656E3D227472756522206D613A696E7465726E616C4E616D653D224D656469615365727669636546617374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F435222206D613A696E6465783D22313022206E696C6C61626C653D227472756522206D613A646973706C61794E616D653D224D65646961536572766963654F435222206D613A696E7465726E616C4E616D653D224D65646961536572766963654F4352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175746F5461677322206D613A696E6465783D22313122206E696C6C61626C653D227472756522206D613A646973706C61794E616D653D224D65646961536572766963654175746F5461677322206D613A696E7465726E616C4E616D653D224D65646961536572766963654175746F54616773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576656E7448617368436F646522206D613A696E6465783D22313222206E696C6C61626C653D227472756522206D613A646973706C61794E616D653D224D65646961536572766963654576656E7448617368436F646522206D613A68696464656E3D227472756522206D613A696E7465726E616C4E616D653D224D65646961536572766963654576656E7448617368436F64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7656E65726174696F6E54696D6522206D613A696E6465783D22313322206E696C6C61626C653D227472756522206D613A646973706C61794E616D653D224D656469615365727669636547656E65726174696F6E54696D6522206D613A68696464656E3D227472756522206D613A696E7465726E616C4E616D653D224D656469615365727669636547656E65726174696F6E54696D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175746F4B6579506F696E747322206D613A696E6465783D22313622206E696C6C61626C653D227472756522206D613A646973706C61794E616D653D224D65646961536572766963654175746F4B6579506F696E747322206D613A68696464656E3D227472756522206D613A696E7465726E616C4E616D653D224D65646961536572766963654175746F4B6579506F696E7473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B6579506F696E747322206D613A696E6465783D22313722206E696C6C61626C653D227472756522206D613A646973706C61794E616D653D224B6579506F696E747322206D613A696E7465726E616C4E616D653D224D65646961536572766963654B6579506F696E747322206D613A726561644F6E6C793D2266616C73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050000000000000105000002000000180000004D73786D6C322E534158584D4C5265616465722E362E3000000000000000000000480000D0CF11E0A1B11AE1000000000000000000000000000000003E000300FEFF0900060000000000000000000000010000000100000000000000001000000200000001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04000000FEFFFFFF0500000008000000060000000700000021000000FEFFFFFF0A0000000B0000000C0000000D0000000E0000000F000000100000001100000012000000130000001400000015000000160000001700000018000000190000001A0000001B0000001C0000001D0000001E0000001F00000020000000FEFFFFFF22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4D65646961536572766963654D6574616461746122206D613A696E6465783D223822206E696C6C61626C653D227472756522206D613A646973706C61794E616D653D224D65646961536572766963654D6574616461746122206D613A68696464656E3D227472756522206D613A696E7465726E616C4E616D653D224D6564696153657276696365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66173744D6574616461746122206D613A696E6465783D223922206E696C6C61626C653D227472756522206D613A646973706C61794E616D653D224D6564696153657276696365466173744D6574616461746122206D613A68696464656E3D227472756522206D613A696E7465726E616C4E616D653D224D656469615365727669636546617374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F435222206D613A696E6465783D22313022206E696C6C61626C653D227472756522206D613A646973706C61794E616D653D224D65646961536572766963654F435222206D613A696E7465726E616C4E616D653D224D65646961536572766963654F4352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175746F5461677322206D613A696E6465783D22313122206E696C6C61626C653D227472756522206D613A646973706C61794E616D653D224D65646961536572766963654175746F5461677322206D613A696E7465726E616C4E616D653D224D65646961536572766963654175746F54616773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576656E7448617368436F646522206D613A696E6465783D22313222206E696C6C61626C653D227472756522206D613A646973706C61794E616D653D224D65646961536572766963654576656E7448617368436F646522206D613A68696464656E3D227472756522206D613A696E7465726E616C4E616D653D224D65646961536572766963654576656E7448617368436F64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7656E65726174696F6E54696D6522206D613A696E6465783D22313322206E696C6C61626C653D227472756522206D613A646973706C61794E616D653D224D656469615365727669636547656E65726174696F6E54696D6522206D613A68696464656E3D227472756522206D613A696E7465726E616C4E616D653D224D656469615365727669636547656E65726174696F6E54696D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175746F4B6579506F696E747322206D613A696E6465783D22313622206E696C6C61626C653D227472756522206D613A646973706C61794E616D653D224D65646961536572766963654175746F4B6579506F696E747322206D613A68696464656E3D227472756522206D613A696E7465726E616C4E616D653D224D65646961536572766963654175746F4B6579506F696E7473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B6579506F696E747322206D613A696E6465783D22313722206E696C6C61626C653D227472756522206D613A646973706C61794E616D653D224B6579506F696E747322206D613A696E7465726E616C4E616D653D224D65646961536572766963654B6579506F696E747322206D613A726561644F6E6C793D2266616C73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050000000000000105000002000000180000004D73786D6C322E534158584D4C5265616465722E362E3000000000000000000000480000D0CF11E0A1B11AE1000000000000000000000000000000003E000300FEFF0900060000000000000000000000010000000100000000000000001000000200000001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04000000FEFFFFFF0500000008000000060000000700000021000000FEFFFFFF0A0000000B0000000C0000000D0000000E0000000F000000100000001100000012000000130000001400000015000000160000001700000018000000190000001A0000001B0000001C0000001D0000001E0000001F00000020000000FEFFFFFF22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4D65646961536572766963654D6574616461746122206D613A696E6465783D223822206E696C6C61626C653D227472756522206D613A646973706C61794E616D653D224D65646961536572766963654D6574616461746122206D613A68696464656E3D227472756522206D613A696E7465726E616C4E616D653D224D6564696153657276696365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66173744D6574616461746122206D613A696E6465783D223922206E696C6C61626C653D227472756522206D613A646973706C61794E616D653D224D6564696153657276696365466173744D6574616461746122206D613A68696464656E3D227472756522206D613A696E7465726E616C4E616D653D224D656469615365727669636546617374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F435222206D613A696E6465783D22313022206E696C6C61626C653D227472756522206D613A646973706C61794E616D653D224D65646961536572766963654F435222206D613A696E7465726E616C4E616D653D224D65646961536572766963654F4352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175746F5461677322206D613A696E6465783D22313122206E696C6C61626C653D227472756522206D613A646973706C61794E616D653D224D65646961536572766963654175746F5461677322206D613A696E7465726E616C4E616D653D224D65646961536572766963654175746F54616773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576656E7448617368436F646522206D613A696E6465783D22313222206E696C6C61626C653D227472756522206D613A646973706C61794E616D653D224D65646961536572766963654576656E7448617368436F646522206D613A68696464656E3D227472756522206D613A696E7465726E616C4E616D653D224D65646961536572766963654576656E7448617368436F64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7656E65726174696F6E54696D6522206D613A696E6465783D22313322206E696C6C61626C653D227472756522206D613A646973706C61794E616D653D224D656469615365727669636547656E65726174696F6E54696D6522206D613A68696464656E3D227472756522206D613A696E7465726E616C4E616D653D224D656469615365727669636547656E65726174696F6E54696D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175746F4B6579506F696E747322206D613A696E6465783D22313622206E696C6C61626C653D227472756522206D613A646973706C61794E616D653D224D65646961536572766963654175746F4B6579506F696E747322206D613A68696464656E3D227472756522206D613A696E7465726E616C4E616D653D224D65646961536572766963654175746F4B6579506F696E7473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B6579506F696E747322206D613A696E6465783D22313722206E696C6C61626C653D227472756522206D613A646973706C61794E616D653D224B6579506F696E747322206D613A696E7465726E616C4E616D653D224D65646961536572766963654B6579506F696E747322206D613A726561644F6E6C793D2266616C73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050000000000000105000002000000180000004D73786D6C322E534158584D4C5265616465722E362E3000000000000000000000480000D0CF11E0A1B11AE1000000000000000000000000000000003E000300FEFF0900060000000000000000000000010000000100000000000000001000000200000001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04000000FEFFFFFF0500000008000000060000000700000021000000FEFFFFFF0A0000000B0000000C0000000D0000000E0000000F000000100000001100000012000000130000001400000015000000160000001700000018000000190000001A0000001B0000001C0000001D0000001E0000001F00000020000000FEFFFFFF22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4D65646961536572766963654D6574616461746122206D613A696E6465783D223822206E696C6C61626C653D227472756522206D613A646973706C61794E616D653D224D65646961536572766963654D6574616461746122206D613A68696464656E3D227472756522206D613A696E7465726E616C4E616D653D224D6564696153657276696365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66173744D6574616461746122206D613A696E6465783D223922206E696C6C61626C653D227472756522206D613A646973706C61794E616D653D224D6564696153657276696365466173744D6574616461746122206D613A68696464656E3D227472756522206D613A696E7465726E616C4E616D653D224D656469615365727669636546617374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F435222206D613A696E6465783D22313022206E696C6C61626C653D227472756522206D613A646973706C61794E616D653D224D65646961536572766963654F435222206D613A696E7465726E616C4E616D653D224D65646961536572766963654F4352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175746F5461677322206D613A696E6465783D22313122206E696C6C61626C653D227472756522206D613A646973706C61794E616D653D224D65646961536572766963654175746F5461677322206D613A696E7465726E616C4E616D653D224D65646961536572766963654175746F54616773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576656E7448617368436F646522206D613A696E6465783D22313222206E696C6C61626C653D227472756522206D613A646973706C61794E616D653D224D65646961536572766963654576656E7448617368436F646522206D613A68696464656E3D227472756522206D613A696E7465726E616C4E616D653D224D65646961536572766963654576656E7448617368436F64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7656E65726174696F6E54696D6522206D613A696E6465783D22313322206E696C6C61626C653D227472756522206D613A646973706C61794E616D653D224D656469615365727669636547656E65726174696F6E54696D6522206D613A68696464656E3D227472756522206D613A696E7465726E616C4E616D653D224D656469615365727669636547656E65726174696F6E54696D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175746F4B6579506F696E747322206D613A696E6465783D22313622206E696C6C61626C653D227472756522206D613A646973706C61794E616D653D224D65646961536572766963654175746F4B6579506F696E747322206D613A68696464656E3D227472756522206D613A696E7465726E616C4E616D653D224D65646961536572766963654175746F4B6579506F696E7473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B6579506F696E747322206D613A696E6465783D22313722206E696C6C61626C653D227472756522206D613A646973706C61794E616D653D224B6579506F696E747322206D613A696E7465726E616C4E616D653D224D65646961536572766963654B6579506F696E747322206D613A726561644F6E6C793D2266616C73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050000000000000105000002000000180000004D73786D6C322E534158584D4C5265616465722E362E3000000000000000000000480000D0CF11E0A1B11AE1000000000000000000000000000000003E000300FEFF0900060000000000000000000000010000000100000000000000001000000200000001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04000000FEFFFFFF0500000008000000060000000700000021000000FEFFFFFF0A0000000B0000000C0000000D0000000E0000000F000000100000001100000012000000130000001400000015000000160000001700000018000000190000001A0000001B0000001C0000001D0000001E0000001F00000020000000FEFFFFFF22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4D65646961536572766963654D6574616461746122206D613A696E6465783D223822206E696C6C61626C653D227472756522206D613A646973706C61794E616D653D224D65646961536572766963654D6574616461746122206D613A68696464656E3D227472756522206D613A696E7465726E616C4E616D653D224D6564696153657276696365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66173744D6574616461746122206D613A696E6465783D223922206E696C6C61626C653D227472756522206D613A646973706C61794E616D653D224D6564696153657276696365466173744D6574616461746122206D613A68696464656E3D227472756522206D613A696E7465726E616C4E616D653D224D6564696153657276696365466173744D65746164617461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F435222206D613A696E6465783D22313022206E696C6C61626C653D227472756522206D613A646973706C61794E616D653D224D65646961536572766963654F435222206D613A696E7465726E616C4E616D653D224D65646961536572766963654F4352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175746F5461677322206D613A696E6465783D22313122206E696C6C61626C653D227472756522206D613A646973706C61794E616D653D224D65646961536572766963654175746F5461677322206D613A696E7465726E616C4E616D653D224D65646961536572766963654175746F54616773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576656E7448617368436F646522206D613A696E6465783D22313222206E696C6C61626C653D227472756522206D613A646973706C61794E616D653D224D65646961536572766963654576656E7448617368436F646522206D613A68696464656E3D227472756522206D613A696E7465726E616C4E616D653D224D65646961536572766963654576656E7448617368436F64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050000000000000105000002000000180000004D73786D6C322E534158584D4C5265616465722E362E3000000000000000000000480000D0CF11E0A1B11AE1000000000000000000000000000000003E000300FEFF0900060000000000000000000000010000000100000000000000001000000200000001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04000000FEFFFFFF0500000008000000060000000700000021000000FEFFFFFF0A0000000B0000000C0000000D0000000E0000000F000000100000001100000012000000130000001400000015000000160000001700000018000000190000001A0000001B0000001C0000001D0000001E0000001F00000020000000FEFFFFFF22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}\adeflang1025\ansi\ansicpg1252\uc1\adeff31507\deff0\stshfdbch31506\stshfloch31506\stshfhich31506\stshfbi31507\deflang1033\deflangfe1033\themelang1033\themelangfe2052\themelangcs1025{\fonttbl{\f0\fbidi \froman\fcharset0\fprq2{\*\panose 02020603050405020304}Times New Roman;}{\f1\fbidi \fswiss\fcharset0\fprq2{\*\panose 020b0604020202020204}Arial;}
{\f3\fbidi \froman\fcharset2\fprq2{\*\panose 05050102010706020507}Symbol;}{\f13\fbidi \fnil\fcharset134\fprq2{\*\panose 02010600030101010101}SimSun{\*\falt \'cb\'ce\'cc\'e5};}
{\f17\fbidi \fmodern\fcharset134\fprq1{\*\panose 02010600030101010101}SimHei{\*\falt \'ba\'da\'cc\'e5};}{\f34\fbidi \froman\fcharset1\fprq2{\*\panose 02040503050406030204}Cambria Math;}
{\f40\fbidi \fswiss\fcharset0\fprq2{\*\panose 00000000000000000000}Segoe UI;}{\f41\fbidi \fswiss\fcharset0\fprq2{\*\panose 00000000000000000000}Segoe UI Light;}{\f42\fbidi \fmodern\fcharset0\fprq1{\*\panose 020b0609020204030204}Consolas;}
{\f43\fbidi \fmodern\fcharset134\fprq1{\*\panose 02010600030101010101}@SimHei;}{\f44\fbidi \fnil\fcharset134\fprq2{\*\panose 02010600030101010101}@SimSun;}{\flomajor\f31500\fbidi \froman\fcharset0\fprq2{\*\panose 02020603050405020304}Times New Roman;}
{\fdbmajor\f31501\fbidi \fmodern\fcharset134\fprq1{\*\panose 02010600030101010101}SimHei{\*\falt \'ba\'da\'cc\'e5};}{\fhimajor\f31502\fbidi \fswiss\fcharset0\fprq2{\*\panose 00000000000000000000}Segoe UI Light;}
{\fbimajor\f31503\fbidi \froman\fcharset0\fprq2{\*\panose 02020603050405020304}Times New Roman;}{\flominor\f31504\fbidi \froman\fcharset0\fprq2{\*\panose 02020603050405020304}Times New Roman;}
{\fdbminor\f31505\fbidi \fnil\fcharset134\fprq2{\*\panose 02010600030101010101}SimSun{\*\falt \'cb\'ce\'cc\'e5};}{\fhiminor\f31506\fbidi \fswiss\fcharset0\fprq2{\*\panose 00000000000000000000}Segoe UI;}
{\fbiminor\f31507\fbidi \froman\fcharset0\fprq2{\*\panose 02020603050405020304}Times New Roman;}{\f45\fbidi \froman\fcharset238\fprq2 Times New Roman CE;}{\f46\fbidi \froman\fcharset204\fprq2 Times New Roman Cyr;}
{\f48\fbidi \froman\fcharset161\fprq2 Times New Roman Greek;}{\f49\fbidi \froman\fcharset162\fprq2 Times New Roman Tur;}{\f50\fbidi \froman\fcharset177\fprq2 Times New Roman (Hebrew);}{\f51\fbidi \froman\fcharset178\fprq2 Times New Roman (Arabic);}
{\f52\fbidi \froman\fcharset186\fprq2 Times New Roman Baltic;}{\f53\fbidi \froman\fcharset163\fprq2 Times New Roman (Vietnamese);}{\f55\fbidi \fswiss\fcharset238\fprq2 Arial CE;}{\f56\fbidi \fswiss\fcharset204\fprq2 Arial Cyr;}
{\f58\fbidi \fswiss\fcharset161\fprq2 Arial Greek;}{\f59\fbidi \fswiss\fcharset162\fprq2 Arial Tur;}{\f60\fbidi \fswiss\fcharset177\fprq2 Arial (Hebrew);}{\f61\fbidi \fswiss\fcharset178\fprq2 Arial (Arabic);}
{\f62\fbidi \fswiss\fcharset186\fprq2 Arial Baltic;}{\f63\fbidi \fswiss\fcharset163\fprq2 Arial (Vietnamese);}{\f177\fbidi \fnil\fcharset0\fprq2 SimSun Western{\*\falt \'cb\'ce\'cc\'e5};}
{\f217\fbidi \fmodern\fcharset0\fprq1 SimHei Western{\*\falt \'ba\'da\'cc\'e5};}{\f445\fbidi \fswiss\fcharset238\fprq2 Segoe UI CE;}{\f446\fbidi \fswiss\fcharset204\fprq2 Segoe UI Cyr;}{\f448\fbidi \fswiss\fcharset161\fprq2 Segoe UI Greek;}
{\f449\fbidi \fswiss\fcharset162\fprq2 Segoe UI Tur;}{\f450\fbidi \fswiss\fcharset177\fprq2 Segoe UI (Hebrew);}{\f451\fbidi \fswiss\fcharset178\fprq2 Segoe UI (Arabic);}{\f452\fbidi \fswiss\fcharset186\fprq2 Segoe UI Baltic;}
{\f453\fbidi \fswiss\fcharset163\fprq2 Segoe UI (Vietnamese);}{\f455\fbidi \fswiss\fcharset238\fprq2 Segoe UI Light CE;}{\f456\fbidi \fswiss\fcharset204\fprq2 Segoe UI Light Cyr;}{\f458\fbidi \fswiss\fcharset161\fprq2 Segoe UI Light Greek;}
{\f459\fbidi \fswiss\fcharset162\fprq2 Segoe UI Light Tur;}{\f460\fbidi \fswiss\fcharset177\fprq2 Segoe UI Light (Hebrew);}{\f461\fbidi \fswiss\fcharset178\fprq2 Segoe UI Light (Arabic);}{\f462\fbidi \fswiss\fcharset186\fprq2 Segoe UI Light Baltic;}
{\f463\fbidi \fswiss\fcharset163\fprq2 Segoe UI Light (Vietnamese);}{\f465\fbidi \fmodern\fcharset238\fprq1 Consolas CE;}{\f466\fbidi \fmodern\fcharset204\fprq1 Consolas Cyr;}{\f468\fbidi \fmodern\fcharset161\fprq1 Consolas Greek;}
{\f469\fbidi \fmodern\fcharset162\fprq1 Consolas Tur;}{\f472\fbidi \fmodern\fcharset186\fprq1 Consolas Baltic;}{\f473\fbidi \fmodern\fcharset163\fprq1 Consolas (Vietnamese);}{\f477\fbidi \fmodern\fcharset0\fprq1 @SimHei Western;}
{\f487\fbidi \fnil\fcharset0\fprq2 @SimSun Western;}{\flomajor\f31508\fbidi \froman\fcharset238\fprq2 Times New Roman CE;}{\flomajor\f31509\fbidi \froman\fcharset204\fprq2 Times New Roman Cyr;}
{\flomajor\f31511\fbidi \froman\fcharset161\fprq2 Times New Roman Greek;}{\flomajor\f31512\fbidi \froman\fcharset162\fprq2 Times New Roman Tur;}{\flomajor\f31513\fbidi \froman\fcharset177\fprq2 Times New Roman (Hebrew);}
{\flomajor\f31514\fbidi \froman\fcharset178\fprq2 Times New Roman (Arabic);}{\flomajor\f31515\fbidi \froman\fcharset186\fprq2 Times New Roman Baltic;}{\flomajor\f31516\fbidi \froman\fcharset163\fprq2 Times New Roman (Vietnamese);}
{\fdbmajor\f31520\fbidi \fmodern\fcharset0\fprq1 SimHei Western{\*\falt \'ba\'da\'cc\'e5};}{\fhimajor\f31528\fbidi \fswiss\fcharset238\fprq2 Segoe UI Light CE;}{\fhimajor\f31529\fbidi \fswiss\fcharset204\fprq2 Segoe UI Light Cyr;}
{\fhimajor\f31531\fbidi \fswiss\fcharset161\fprq2 Segoe UI Light Greek;}{\fhimajor\f31532\fbidi \fswiss\fcharset162\fprq2 Segoe UI Light Tur;}{\fhimajor\f31533\fbidi \fswiss\fcharset177\fprq2 Segoe UI Light (Hebrew);}
{\fhimajor\f31534\fbidi \fswiss\fcharset178\fprq2 Segoe UI Light (Arabic);}{\fhimajor\f31535\fbidi \fswiss\fcharset186\fprq2 Segoe UI Light Baltic;}{\fhimajor\f31536\fbidi \fswiss\fcharset163\fprq2 Segoe UI Light (Vietnamese);}
{\fbimajor\f31538\fbidi \froman\fcharset238\fprq2 Times New Roman CE;}{\fbimajor\f31539\fbidi \froman\fcharset204\fprq2 Times New Roman Cyr;}{\fbimajor\f31541\fbidi \froman\fcharset161\fprq2 Times New Roman Greek;}
{\fbimajor\f31542\fbidi \froman\fcharset162\fprq2 Times New Roman Tur;}{\fbimajor\f31543\fbidi \froman\fcharset177\fprq2 Times New Roman (Hebrew);}{\fbimajor\f31544\fbidi \froman\fcharset178\fprq2 Times New Roman (Arabic);}
{\fbimajor\f31545\fbidi \froman\fcharset186\fprq2 Times New Roman Baltic;}{\fbimajor\f31546\fbidi \froman\fcharset163\fprq2 Times New Roman (Vietnamese);}{\flominor\f31548\fbidi \froman\fcharset238\fprq2 Times New Roman CE;}
{\flominor\f31549\fbidi \froman\fcharset204\fprq2 Times New Roman Cyr;}{\flominor\f31551\fbidi \froman\fcharset161\fprq2 Times New Roman Greek;}{\flominor\f31552\fbidi \froman\fcharset162\fprq2 Times New Roman Tur;}
{\flominor\f31553\fbidi \froman\fcharset177\fprq2 Times New Roman (Hebrew);}{\flominor\f31554\fbidi \froman\fcharset178\fprq2 Times New Roman (Arabic);}{\flominor\f31555\fbidi \froman\fcharset186\fprq2 Times New Roman Baltic;}
{\flominor\f31556\fbidi \froman\fcharset163\fprq2 Times New Roman (Vietnamese);}{\fdbminor\f31560\fbidi \fnil\fcharset0\fprq2 SimSun Western{\*\falt \'cb\'ce\'cc\'e5};}{\fhiminor\f31568\fbidi \fswiss\fcharset238\fprq2 Segoe UI CE;}
{\fhiminor\f31569\fbidi \fswiss\fcharset204\fprq2 Segoe UI Cyr;}{\fhiminor\f31571\fbidi \fswiss\fcharset161\fprq2 Segoe UI Greek;}{\fhiminor\f31572\fbidi \fswiss\fcharset162\fprq2 Segoe UI Tur;}
{\fhiminor\f31573\fbidi \fswiss\fcharset177\fprq2 Segoe UI (Hebrew);}{\fhiminor\f31574\fbidi \fswiss\fcharset178\fprq2 Segoe UI (Arabic);}{\fhiminor\f31575\fbidi \fswiss\fcharset186\fprq2 Segoe UI Baltic;}
{\fhiminor\f31576\fbidi \fswiss\fcharset163\fprq2 Segoe UI (Vietnamese);}{\fbiminor\f31578\fbidi \froman\fcharset238\fprq2 Times New Roman CE;}{\fbiminor\f31579\fbidi \froman\fcharset204\fprq2 Times New Roman Cyr;}
{\fbiminor\f31581\fbidi \froman\fcharset161\fprq2 Times New Roman Greek;}{\fbiminor\f31582\fbidi \froman\fcharset162\fprq2 Times New Roman Tur;}{\fbiminor\f31583\fbidi \froman\fcharset177\fprq2 Times New Roman (Hebrew);}
{\fbiminor\f31584\fbidi \froman\fcharset178\fprq2 Times New Roman (Arabic);}{\fbiminor\f31585\fbidi \froman\fcharset186\fprq2 Times New Roman Baltic;}{\fbiminor\f31586\fbidi \froman\fcharset163\fprq2 Times New Roman (Vietnamese);}}
{\colortbl;\red0\green0\blue0;\red0\green0\blue255;\red0\green255\blue255;\red0\green255\blue0;\red255\green0\blue255;\red255\green0\blue0;\red255\green255\blue0;\red255\green255\blue255;\red0\green0\blue128;\red0\green128\blue128;\red0\green128\blue0;
\red128\green0\blue128;\red128\green0\blue0;\red128\green128\blue0;\red128\green128\blue128;\red192\green192\blue192;\caccentfive\ctint255\cshade255\red43\green87\blue154;\cbackgroundtwo\ctint255\cshade64\red59\green56\blue56;
\caccentone\ctint255\cshade128\red31\green78\blue121;\caccentone\ctint255\cshade127\red31\green77\blue120;\ctextone\ctint216\cshade255\red39\green39\blue39;\cbackgroundone\ctint255\cshade255\red255\green255\blue255;
\ctextone\ctint191\cshade255\red64\green64\blue64;\ctextone\ctint102\cshade255\red153\green153\blue153;\ctextone\ctint153\cshade255\red102\green102\blue102;\caccentfive\ctint153\cshade255\red108\green149\blue214;\red255\green255\blue255;
\caccentfive\ctint51\cshade255\red206\green219\blue241;\caccentsix\ctint102\cshade255\red197\green224\blue179;\caccentsix\ctint153\cshade255\red168\green208\blue141;\ctextone\ctint51\cshade255\red204\green204\blue204;
\ctextone\ctint255\cshade255\red0\green0\blue0;\caccentone\ctint102\cshade255\red189\green214\blue238;\caccentone\ctint153\cshade255\red156\green194\blue229;\chyperlink\ctint255\cshade255\red5\green99\blue193;
\caccenttwo\ctint255\cshade191\red191\green0\blue0;\cfollowedhyperlink\ctint255\cshade255\red149\green79\blue114;\ctexttwo\ctint255\cshade255\red68\green84\blue106;\ctextone\ctint255\cshade191\red0\green0\blue0;
\ctextone\ctint127\cshade255\red128\green128\blue128;\caccentone\ctint51\cshade255\red222\green234\blue246;\caccentone\ctint255\cshade191\red46\green116\blue181;\caccentone\ctint127\cshade255\red173\green204\blue234;
\caccenttwo\ctint51\cshade255\red255\green204\blue204;\caccenttwo\ctint102\cshade255\red255\green153\blue153;\caccenttwo\ctint127\cshade255\red255\green128\blue128;\caccentthree\ctint51\cshade255\red237\green237\blue237;
\caccentthree\ctint102\cshade255\red219\green219\blue219;\caccentthree\ctint255\cshade191\red123\green123\blue123;\caccentthree\ctint127\cshade255\red210\green210\blue210;\caccentfour\ctint51\cshade255\red255\green242\blue204;
\caccentfour\ctint102\cshade255\red255\green229\blue153;\caccentfour\ctint255\cshade191\red191\green143\blue0;\caccentfour\ctint127\cshade255\red255\green223\blue128;\caccentfive\ctint102\cshade255\red157\green184\blue227;
\caccentfive\ctint255\cshade191\red32\green65\blue115;\caccentfive\ctint127\cshade255\red133\green167\blue221;\caccentsix\ctint51\cshade255\red226\green239\blue217;\caccentsix\ctint255\cshade191\red83\green129\blue53;
\caccentsix\ctint127\cshade255\red183\green216\blue160;\ctextone\ctint25\cshade255\red230\green230\blue230;\caccenttwo\ctint255\cshade204\red204\green0\blue0;\ctextone\ctint63\cshade255\red192\green192\blue192;
\caccentone\ctint25\cshade255\red238\green245\blue251;\caccentone\ctint63\cshade255\red214\green230\blue244;\caccenttwo\ctint25\cshade255\red255\green230\blue230;\caccenttwo\ctint63\cshade255\red255\green192\blue192;
\caccentthree\ctint25\cshade255\red246\green246\blue246;\caccentfour\ctint255\cshade204\red204\green153\blue0;\caccentthree\ctint63\cshade255\red232\green232\blue232;\caccentfour\ctint25\cshade255\red255\green248\blue230;
\caccentthree\ctint255\cshade204\red132\green132\blue132;\caccentfour\ctint63\cshade255\red255\green239\blue192;\caccentfive\ctint25\cshade255\red230\green237\blue248;\caccentsix\ctint255\cshade204\red89\green138\blue56;
\caccentfive\ctint63\cshade255\red194\green211\blue238;\caccentsix\ctint25\cshade255\red240\green247\blue236;\caccentfive\ctint255\cshade204\red34\green69\blue122;\caccentsix\ctint63\cshade255\red219\green235\blue208;
\caccenttwo\ctint255\cshade255\red255\green0\blue0;\ctextone\ctint255\cshade153\red0\green0\blue0;\caccentone\ctint255\cshade255\red91\green155\blue213;\caccentone\ctint255\cshade153\red37\green93\blue145;
\caccenttwo\ctint255\cshade153\red153\green0\blue0;\caccentfour\ctint255\cshade255\red255\green192\blue0;\caccentthree\ctint255\cshade255\red165\green165\blue165;\caccentthree\ctint255\cshade153\red99\green99\blue99;
\caccentfour\ctint255\cshade153\red153\green115\blue0;\caccentsix\ctint255\cshade255\red112\green173\blue71;\caccentfive\ctint255\cshade153\red25\green52\blue92;\caccentsix\ctint255\cshade153\red67\green103\blue42;
\ctextone\ctint255\cshade127\red0\green0\blue0;\caccenttwo\ctint255\cshade127\red127\green0\blue0;\caccentthree\ctint255\cshade127\red82\green82\blue82;\caccentfour\ctint255\cshade127\red127\green95\blue0;
\caccentfive\ctint255\cshade127\red21\green43\blue76;\caccentsix\ctint255\cshade127\red55\green86\blue35;\caccenttwo\ctint153\cshade255\red255\green102\blue102;\caccentthree\ctint153\cshade255\red201\green201\blue201;
\caccentfour\ctint153\cshade255\red255\green217\blue102;\caccentone\ctint191\cshade255\red132\green179\blue223;\caccenttwo\ctint191\cshade255\red255\green64\blue64;\caccentthree\ctint191\cshade255\red187\green187\blue187;
\caccentfour\ctint191\cshade255\red255\green207\blue64;\caccentfive\ctint191\cshade255\red71\green123\blue203;\caccentsix\ctint191\cshade255\red147\green197\blue113;\cbackgroundone\ctint255\cshade216\red216\green216\blue216;
\ctextone\ctint166\cshade255\red89\green89\blue89;\cbackgroundone\ctint255\cshade191\red191\green191\blue191;\cbackgroundone\ctint255\cshade242\red242\green242\blue242;\ctextone\ctint128\cshade255\red127\green127\blue127;
\ctextone\ctint165\cshade255\red90\green90\blue90;\red96\green94\blue92;\red225\green223\blue221;\red31\green78\blue121;\red54\green54\blue54;}{\*\defchp \f31506\fs22 }{\*\defpap \ql \li0\ri0\sb160\sl259\slmult1
\widctlpar\wrapdefault\aspalpha\aspnum\faauto\adjustright\rin0\lin0\itap0 }\noqfpromote {\stylesheet{\ql \li0\ri0\sb160\sl259\slmult1\widctlpar\wrapdefault\aspalpha\aspnum\faauto\adjustright\rin0\lin0\itap0 \rtlch\fcs1 \af31507\afs22\alang1025 
\ltrch\fcs0 \f31506\fs22\lang1033\langfe1033\cgrid\langnp1033\langfenp1033 \snext0 \sqformat \spriority0 \styrsid5849684 Normal;}{\s1\ql \li0\ri0\sb360\sa240\keep\keepn\widctlpar\brdrb\brdrs\brdrw45\brsp20\brdrcf17 
\wrapdefault\aspalpha\aspnum\faauto\outlinelevel0\adjustright\rin0\lin0\itap0\contextualspace \rtlch\fcs1 \af31503\afs52\alang1025 \ltrch\fcs0 \fs52\cf18\lang1033\langfe1033\kerning28\loch\f31502\hich\af31502\dbch\af31501\cgrid\langnp1033\langfenp1033 
\sbasedon0 \snext1 \slink15 \sqformat \spriority5 \styrsid2510925 heading 1;}{\s2\ql \li0\ri0\sb40\sl259\slmult1\keep\keepn\widctlpar\wrapdefault\aspalpha\aspnum\faauto\outlinelevel1\adjustright\rin0\lin0\itap0 \rtlch\fcs1 \af31503\afs26\alang1025 
\ltrch\fcs0 \fs26\cf19\lang1033\langfe1033\loch\f31502\hich\af31502\dbch\af31501\cgrid\langnp1033\langfenp1033 \sbasedon0 \snext0 \slink34 \ssemihidden \sunhideused \sqformat \spriority6 \styrsid4749718 heading 2;}{\s3\ql \li0\ri0\sb40\sl259\slmult1
\keep\keepn\widctlpar\wrapdefault\aspalpha\aspnum\faauto\outlinelevel2\adjustright\rin0\lin0\itap0 \rtlch\fcs1 \af31503\afs24\alang1025 \ltrch\fcs0 \fs24\cf20\lang1033\langfe1033\loch\f31502\hich\af31502\dbch\af31501\cgrid\langnp1033\langfenp1033 
\sbasedon0 \snext0 \slink157 \ssemihidden \sunhideused \sqformat \spriority6 \styrsid15940483 heading 3;}{\s4\ql \li0\ri0\sb40\sl259\slmult1\keep\keepn\widctlpar\wrapdefault\aspalpha\aspnum\faauto\outlinelevel3\adjustright\rin0\lin0\itap0 \rtlch\fcs1 
\ai\af31503\afs22\alang1025 \ltrch\fcs0 \i\fs22\cf19\lang1033\langfe1033\loch\f31502\hich\af31502\dbch\af31501\cgrid\langnp1033\langfenp1033 \sbasedon0 \snext0 \slink158 \ssemihidden \sunhideused \sqformat \spriority6 \styrsid4749718 heading 4;}{
\s5\ql \li0\ri0\sb40\sl259\slmult1\keep\keepn\widctlpar\wrapdefault\aspalpha\aspnum\faauto\outlinelevel4\adjustright\rin0\lin0\itap0 \rtlch\fcs1 \af31503\afs22\alang1025 \ltrch\fcs0 
\fs22\cf19\lang1033\langfe1033\loch\f31502\hich\af31502\dbch\af31501\cgrid\langnp1033\langfenp1033 \sbasedon0 \snext0 \slink159 \ssemihidden \sunhideused \sqformat \spriority6 \styrsid4749718 heading 5;}{\s6\ql \li0\ri0\sb40\sl259\slmult1
\keep\keepn\widctlpar\wrapdefault\aspalpha\aspnum\faauto\outlinelevel5\adjustright\rin0\lin0\itap0 \rtlch\fcs1 \af31503\afs22\alang1025 \ltrch\fcs0 \b\fs22\cf20\lang1033\langfe1033\loch\f31502\hich\af31502\dbch\af31501\cgrid\langnp1033\langfenp1033 
\sbasedon0 \snext0 \slink160 \ssemihidden \sunhideused \sqformat \spriority6 \styrsid4749718 heading 6;}{\s7\ql \li0\ri0\sb40\sl259\slmult1\keep\keepn\widctlpar\wrapdefault\aspalpha\aspnum\faauto\outlinelevel6\adjustright\rin0\lin0\itap0 \rtlch\fcs1 
\ai\af31503\afs22\alang1025 \ltrch\fcs0 \i\fs22\cf20\lang1033\langfe1033\loch\f31502\hich\af31502\dbch\af31501\cgrid\langnp1033\langfenp1033 \sbasedon0 \snext0 \slink161 \ssemihidden \sunhideused \sqformat \spriority6 \styrsid15940483 heading 7;}{
\s8\ql \li0\ri0\sb40\sl259\slmult1\keep\keepn\widctlpar\wrapdefault\aspalpha\aspnum\faauto\outlinelevel7\adjustright\rin0\lin0\itap0 \rtlch\fcs1 \af31503\afs21\alang1025 \ltrch\fcs0 
\fs22\cf21\lang1033\langfe1033\loch\f31502\hich\af31502\dbch\af31501\cgrid\langnp1033\langfenp1033 \sbasedon0 \snext0 \slink162 \ssemihidden \sunhideused \sqformat \spriority6 \styrsid15940483 heading 8;}{\s9\ql \li0\ri0\sb40\sl259\slmult1
\keep\keepn\widctlpar\wrapdefault\aspalpha\aspnum\faauto\outlinelevel8\adjustright\rin0\lin0\itap0 \rtlch\fcs1 \ai\af31503\afs21\alang1025 \ltrch\fcs0 \i\fs22\cf21\lang1033\langfe1033\loch\f31502\hich\af31502\dbch\af31501\cgrid\langnp1033\langfenp1033 
\sbasedon0 \snext0 \slink163 \ssemihidden \sunhideused \sqformat \spriority6 \styrsid15940483 heading 9;}{\*\cs10 \additive \ssemihidden \sunhideused \spriority1 Default Paragraph Font;}{\*
\ts11\tsrowd\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next11 \ssemihidden \sunhideused Normal Table;}{\*\cs15 \additive 
\rtlch\fcs1 \af31503\afs52 \ltrch\fcs0 \fs52\cf18\kerning28\loch\f31502\hich\af31502\dbch\af31501 \sbasedon10 \slink1 \slocked \spriority5 \styrsid2510925 Heading 1 Char;}{
\s16\ql \li0\ri0\sb160\widctlpar\wrapdefault\aspalpha\aspnum\faauto\adjustright\rin0\lin0\itap0 \rtlch\fcs1 \af31507\afs22\alang1025 \ltrch\fcs0 \fs24\cf18\lang1033\langfe1033\loch\f31506\hich\af31506\dbch\af31505\cgrid\langnp1033\langfenp1033 
\sbasedon0 \snext16 \slink17 \sunhideused header;}{\*\cs17 \additive \rtlch\fcs1 \af0 \ltrch\fcs0 \fs24\cf18\dbch\af31505 \sbasedon10 \slink16 \slocked Header Char;}{\s18\ql \fi-360\li792\ri0\sb160\sl259\slmult1
\widctlpar\wrapdefault\aspalpha\aspnum\faauto\ls3\adjustright\rin0\lin792\itap0 \rtlch\fcs1 \af31507\afs22\alang1025 \ltrch\fcs0 \fs22\cf18\lang1033\langfe1033\loch\f31506\hich\af31506\dbch\af31505\cgrid\langnp1033\langfenp1033 
\sbasedon0 \snext18 \sqformat \spriority10 \styrsid11935621 List Number;}{\s19\ql \li144\ri0\widctlpar\brdrl\brdrs\brdrw120\brdrcf17 \wrapdefault\aspalpha\aspnum\faauto\adjustright\rin0\lin144\itap0\contextualspace \cbpat17 \rtlch\fcs1 
\af31503\afs56\alang1025 \ltrch\fcs0 \fs96\expnd-2\expndtw-10\cf22\lang1033\langfe1033\kerning28\loch\f31502\hich\af31502\dbch\af31501\cgrid\langnp1033\langfenp1033 \sbasedon0 \snext19 \slink20 \sqformat \spriority1 \styrsid2510925 Title;}{\*\cs20 
\additive \rtlch\fcs1 \af31503\afs56 \ltrch\fcs0 \fs56\expnd-2\expndtw-10\cf22\kerning28\loch\f31502\hich\af31502\dbch\af31501\chshdng0\chcfpat0\chcbpat17 \sbasedon10 \slink19 \slocked \spriority1 \styrsid2510925 Title Char;}{
\s21\ql \li144\ri0\sa120\sl259\slmult1\widctlpar\brdrl\brdrs\brdrw120\brdrcf17 \brdrb\brdrs\brdrw120\brsp20\brdrcf17 \wrapdefault\aspalpha\aspnum\faauto\ilvl1\adjustright\rin0\lin144\itap0\contextualspace \cbpat17 \rtlch\fcs1 \af31507\afs22\alang1025 
\ltrch\fcs0 \fs36\expnd3\expndtw15\cf22\lang1033\langfe1033\loch\f31502\hich\af31502\dbch\af31505\cgrid\langnp1033\langfenp1033 \sbasedon0 \snext0 \slink22 \sqformat \spriority2 \styrsid2510925 Subtitle;}{\*\cs22 \additive \rtlch\fcs1 \af0 \ltrch\fcs0 
\fs36\expnd3\expndtw15\cf22\loch\f31502\hich\af31502\dbch\af31505\chshdng0\chcfpat0\chcbpat17 \sbasedon10 \slink21 \slocked \spriority2 \styrsid2510925 Subtitle Char;}{\*\ts23\tsrowd\trbrdrt\brdrs\brdrw10 \trbrdrl\brdrs\brdrw10 \trbrdrb\brdrs\brdrw10 
\trbrdrr\brdrs\brdrw10 \trbrdrh\brdrs\brdrw10 \trbrdrv\brdrs\brdrw10 \trftsWidthB3\trpaddl108\trpaddr108\trpaddfl3\trpaddft3\trpaddfb3\trpaddfr3\tblind0\tblindtype3\tsvertalt\tsbrdrt\tsbrdrl\tsbrdrb\tsbrdrr\tsbrdrdgl\tsbrdrdgr\tsbrdrh\tsbrdrv 
\ql \li0\ri0\sb160\widctlpar\wrapdefault\aspalpha\aspnum\faauto\adjustright\rin0\lin0\itap0 \rtlch\fcs1 \af31507\afs22\alang1025 \ltrch\fcs0 \f1\fs22\cf23\lang1033\langfe1033\cgrid\langnp1033\langfenp1033 \sbasedon11 \snext23 \spriority39 Table Grid;}{
\s24\ql \li0\ri0\sb100\sa100\sbauto1\saauto1\widctlpar\wrapdefault\aspalpha\aspnum\faauto\adjustright\rin0\lin0\itap0 \rtlch\fcs1 \af0\afs24\alang1025 \ltrch\fcs0 \fs24\cf23\lang1033\langfe1033\loch\f0\hich\af0\dbch\af31505\cgrid\langnp1033\langfenp1033 
\sbasedon0 \snext24 \ssemihidden \sunhideused Normal (Web);}{\s25\ql \li0\ri0\sb160\widctlpar\wrapdefault\aspalpha\aspnum\faauto\adjustright\rin0\lin0\itap0 \rtlch\fcs1 \af31507\afs22\alang1025 \ltrch\fcs0 
\f31506\fs22\lang1033\langfe1033\cgrid\langnp1033\langfenp1033 \sbasedon0 \snext25 \slink26 \sunhideused footer;}{\*\cs26 \additive \rtlch\fcs1 \af0 \ltrch\fcs0 \sbasedon10 \slink25 \slocked Footer Char;}{\*\cs27 \additive \rtlch\fcs1 \ai\af0 \ltrch\fcs0 
\i\cf17 \sbasedon10 \sqformat \spriority21 Intense Emphasis;}{\*\ts28\tsrowd\trbrdrt\brdrs\brdrw10\brdrcf24 \trbrdrl\brdrs\brdrw10\brdrcf24 \trbrdrb\brdrs\brdrw10\brdrcf24 \trbrdrr\brdrs\brdrw10\brdrcf24 \trbrdrh\brdrs\brdrw10\brdrcf24 \trbrdrv
\brdrs\brdrw10\brdrcf2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8 \spriority46 \styrsid3964317 
Grid Table 1 Light;}{\*\ts28\tsrowd\tsbrdrb\brdrs\brdrw30\brdrcf25 \rtlch\fcs1 \ab\af31507 \ltrch\fcs0 \b \tscfirstrow Grid Table 1 Light;}{\*\ts28\tsrowd\tsbrdrt\brdrdb\brdrw5\brdrcf25 \rtlch\fcs1 \ab\af31507 \ltrch\fcs0 \b \tsclastrow 
Grid Table 1 Light;}{\*\ts28\tsrowd \rtlch\fcs1 \ab\af31507 \ltrch\fcs0 \b \tscfirstcol Grid Table 1 Light;}{\*\ts28\tsrowd \rtlch\fcs1 \ab\af31507 \ltrch\fcs0 \b \tsclastcol Grid Table 1 Light;}{\*\ts29\tsrowd\trbrdrt\brdrs\brdrw10\brdrcf26 \trbrdrl
\brdrs\brdrw10\brdrcf26 \trbrdrb\brdrs\brdrw10\brdrcf26 \trbrdrr\brdrs\brdrw10\brdrcf26 \trbrdrh\brdrs\brdrw10\brdrcf26 \trbrdrv\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9 \spriority49 \styrsid3964317 
Grid Table 4 Accent 5;}{\*\ts29\tsrowd\tscellcfpat0\tscellcbpat17\tscellpct0\tsbrdrt\brdrs\brdrw10\brdrcf17 \tsbrdrl\brdrs\brdrw10\brdrcf17 \tsbrdrb\brdrs\brdrw10\brdrcf17 \tsbrdrr\brdrs\brdrw10\brdrcf17 \tsbrdrh\brdrnone \tsbrdrv\brdrnone \rtlch\fcs1 
\ab\af31507 \ltrch\fcs0 \b\cf22 \tscfirstrow Grid Table 4 Accent 5;}{\*\ts29\tsrowd\tsbrdrt\brdrdb\brdrw10\brdrcf17 \rtlch\fcs1 \ab\af31507 \ltrch\fcs0 \b \tsclastrow Grid Table 4 Accent 5;}{\*\ts29\tsrowd \rtlch\fcs1 \ab\af31507 \ltrch\fcs0 \b 
\tscfirstcol Grid Table 4 Accent 5;}{\*\ts29\tsrowd \rtlch\fcs1 \ab\af31507 \ltrch\fcs0 \b \tsclastcol Grid Table 4 Accent 5;}{\*\ts29\tsrowd\tscellcfpat0\tscellcbpat28\tscellpct0 \rtlch\fcs1 \af31507 \ltrch\fcs0 \tscbandvertodd Grid Table 4 Accent 5;}{\*
\ts29\tsrowd\tscellcfpat0\tscellcbpat28\tscellpct0 \rtlch\fcs1 \af31507 \ltrch\fcs0 \tscbandhorzodd Grid Table 4 Accent 5;}{\*\ts30\tsrowd\trbrdrt\brdrs\brdrw10\brdrcf29 \trbrdrl\brdrs\brdrw10\brdrcf29 \trbrdrb\brdrs\brdrw10\brdrcf29 \trbrdrr
\brdrs\brdrw10\brdrcf29 \trbrdrh\brdrs\brdrw10\brdrcf29 \trbrdrv\brdrs\brdrw10\brdrcf2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0 \spriority46 \styrsid1057601 
Grid Table 1 Light Accent 6;}{\*\ts30\tsrowd\tsbrdrb\brdrs\brdrw30\brdrcf30 \rtlch\fcs1 \ab\af31507 \ltrch\fcs0 \b \tscfirstrow Grid Table 1 Light Accent 6;}{\*\ts30\tsrowd\tsbrdrt\brdrdb\brdrw5\brdrcf30 \rtlch\fcs1 \ab\af31507 \ltrch\fcs0 \b \tsclastrow 
Grid Table 1 Light Accent 6;}{\*\ts30\tsrowd \rtlch\fcs1 \ab\af31507 \ltrch\fcs0 \b \tscfirstcol Grid Table 1 Light Accent 6;}{\*\ts30\tsrowd \rtlch\fcs1 \ab\af31507 \ltrch\fcs0 \b \tsclastcol Grid Table 1 Light Accent 6;}{\*\ts31\tsrowd\trbrdrt
\brdrs\brdrw10\brdrcf22 \trbrdrl\brdrs\brdrw10\brdrcf22 \trbrdrb\brdrs\brdrw10\brdrcf22 \trbrdrr\brdrs\brdrw10\brdrcf22 \trbrdrh\brdrs\brdrw10\brdrcf22 \trbrdrv\brdrs\brdrw10\brdrcf22 
\trftsWidthB3\trpaddl108\trpaddr108\trpaddfl3\trpaddft3\trpaddfb3\trpaddfr3\tscbandsh1\tscbandsv1\tblind0\tblindtype3\tsvertalt\tscellcbpat31\tsbrdrt\tsbrdrl\tsbrdrb\tsbrdrr\tsbrdrdgl\tsbrdrdgr\tsbrdrh\tsbrdrv 
\ql \li0\ri0\sb160\widctlpar\wrapdefault\aspalpha\aspnum\faauto\adjustright\rin0\lin0\itap0 \rtlch\fcs1 \af31507\afs22\alang1025 \ltrch\fcs0 \f31506\fs22\lang1033\langfe1033\cgrid\langnp1033\langfenp1033 \sbasedon11 \snext31 \spriority50 \styrsid6751966 
Grid Table 5 Dark;}{\*\ts31\tsrowd\tscellcfpat0\tscellcbpat32\tscellpct0\tsbrdrt\brdrs\brdrw10\brdrcf22 \tsbrdrl\brdrs\brdrw10\brdrcf22 \tsbrdrr\brdrs\brdrw10\brdrcf22 \tsbrdrh\brdrnone \tsbrdrv\brdrnone \rtlch\fcs1 \ab\af31507 \ltrch\fcs0 \b\cf22 
\tscfirstrow Grid Table 5 Dark;}{\*\ts31\tsrowd\tscellcfpat0\tscellcbpat32\tscellpct0\tsbrdrl\brdrs\brdrw10\brdrcf22 \tsbrdrb\brdrs\brdrw10\brdrcf22 \tsbrdrr\brdrs\brdrw10\brdrcf22 \tsbrdrh\brdrnone \tsbrdrv\brdrnone \rtlch\fcs1 \ab\af31507 \ltrch\fcs0 
\b\cf22 \tsclastrow Grid Table 5 Dark;}{\*\ts31\tsrowd\tscellcfpat0\tscellcbpat32\tscellpct0\tsbrdrt\brdrs\brdrw10\brdrcf22 \tsbrdrl\brdrs\brdrw10\brdrcf22 \tsbrdrb\brdrs\brdrw10\brdrcf22 \tsbrdrv\brdrnone \rtlch\fcs1 \ab\af31507 \ltrch\fcs0 \b\cf22 
\tscfirstcol Grid Table 5 Dark;}{\*\ts31\tsrowd\tscellcfpat0\tscellcbpat32\tscellpct0\tsbrdrt\brdrs\brdrw10\brdrcf22 \tsbrdrb\brdrs\brdrw10\brdrcf22 \tsbrdrr\brdrs\brdrw10\brdrcf22 \tsbrdrv\brdrnone \rtlch\fcs1 \ab\af31507 \ltrch\fcs0 \b\cf22 \tsclastcol 
Grid Table 5 Dark;}{\*\ts31\tsrowd\tscellcfpat0\tscellcbpat24\tscellpct0 \rtlch\fcs1 \af31507 \ltrch\fcs0 \tscbandvertodd Grid Table 5 Dark;}{\*\ts31\tsrowd\tscellcfpat0\tscellcbpat24\tscellpct0 \rtlch\fcs1 \af31507 \ltrch\fcs0 \tscbandhorzodd 
Grid Table 5 Dark;}{\*\ts32\tsrowd\trbrdrt\brdrs\brdrw10\brdrcf25 \trbrdrl\brdrs\brdrw10\brdrcf25 \trbrdrb\brdrs\brdrw10\brdrcf25 \trbrdrr\brdrs\brdrw10\brdrcf25 \trbrdrh\brdrs\brdrw10\brdrcf25 \trbrdrv\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2 \spriority49 \styrsid6503360 
Grid Table 4;}{\*\ts32\tsrowd\tscellcfpat0\tscellcbpat32\tscellpct0\tsbrdrt\brdrs\brdrw10\brdrcf32 \tsbrdrl\brdrs\brdrw10\brdrcf32 \tsbrdrb\brdrs\brdrw10\brdrcf32 \tsbrdrr\brdrs\brdrw10\brdrcf32 \tsbrdrh\brdrnone \tsbrdrv\brdrnone \rtlch\fcs1 \ab\af31507 
\ltrch\fcs0 \b\cf22 \tscfirstrow Grid Table 4;}{\*\ts32\tsrowd\tsbrdrt\brdrdb\brdrw10\brdrcf32 \rtlch\fcs1 \ab\af31507 \ltrch\fcs0 \b \tsclastrow Grid Table 4;}{\*\ts32\tsrowd \rtlch\fcs1 \ab\af31507 \ltrch\fcs0 \b \tscfirstcol Grid Table 4;}{\*
\ts32\tsrowd \rtlch\fcs1 \ab\af31507 \ltrch\fcs0 \b \tsclastcol Grid Table 4;}{\*\ts32\tsrowd\tscellcfpat0\tscellcbpat31\tscellpct0 \rtlch\fcs1 \af31507 \ltrch\fcs0 \tscbandvertodd Grid Table 4;}{\*\ts32\tsrowd\tscellcfpat0\tscellcbpat31\tscellpct0 
\rtlch\fcs1 \af31507 \ltrch\fcs0 \tscbandhorzodd Grid Table 4;}{\*\ts33\tsrowd\trbrdrt\brdrs\brdrw10\brdrcf33 \trbrdrl\brdrs\brdrw10\brdrcf33 \trbrdrb\brdrs\brdrw10\brdrcf33 \trbrdrr\brdrs\brdrw10\brdrcf33 \trbrdrh\brdrs\brdrw10\brdrcf33 \trbrdrv
\brdrs\brdrw10\brdrcf33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3 \spriority46 \styrsid6503360 
Grid Table 1 Light Accent 1;}{\*\ts33\tsrowd\tsbrdrb\brdrs\brdrw30\brdrcf34 \rtlch\fcs1 \ab\af31507 \ltrch\fcs0 \b \tscfirstrow Grid Table 1 Light Accent 1;}{\*\ts33\tsrowd\tsbrdrt\brdrdb\brdrw5\brdrcf34 \rtlch\fcs1 \ab\af31507 \ltrch\fcs0 \b \tsclastrow 
Grid Table 1 Light Accent 1;}{\*\ts33\tsrowd \rtlch\fcs1 \ab\af31507 \ltrch\fcs0 \b \tscfirstcol Grid Table 1 Light Accent 1;}{\*\ts33\tsrowd \rtlch\fcs1 \ab\af31507 \ltrch\fcs0 \b \tsclastcol Grid Table 1 Light Accent 1;}{\*\cs34 \additive \rtlch\fcs1 
\af31503\afs26 \ltrch\fcs0 \fs26\cf19\loch\f31502\hich\af31502\dbch\af31501 \sbasedon10 \slink2 \slocked \ssemihidden \spriority6 \styrsid4749718 Heading 2 Char;}{\s35\ql \fi-360\li360\ri0\sb160\sl259\slmult1\widctlpar\jclisttab\tx360\wrapdefault{\*\pn 
\pnlvlbody\ilvl0\ls5\pnrnot0\pndec }\aspalpha\aspnum\faauto\ls5\adjustright\rin0\lin360\itap0 \rtlch\fcs1 \af31507\afs22\alang1025 \ltrch\fcs0 \f31506\fs22\lang1033\langfe1033\cgrid\langnp1033\langfenp1033 
\sbasedon0 \snext35 \sqformat \spriority11 \styrsid11935621 List Bullet;}{\s36\ql \li0\ri0\sb160\widctlpar\wrapdefault\aspalpha\aspnum\faauto\adjustright\rin0\lin0\itap0 \rtlch\fcs1 \af40\afs18\alang1025 \ltrch\fcs0 
\f31506\fs22\lang1033\langfe1033\cgrid\langnp1033\langfenp1033 \sbasedon0 \snext36 \slink37 \ssemihidden \sunhideused \styrsid15012200 Balloon Text;}{\*\cs37 \additive \rtlch\fcs1 \af40\afs18 \ltrch\fcs0 \fs18 
\sbasedon10 \slink36 \slocked \ssemihidden \styrsid15012200 Balloon Text Char;}{\*\cs38 \additive \rtlch\fcs1 \af0\afs16 \ltrch\fcs0 \fs16 \sbasedon10 \ssemihidden \sunhideused \styrsid2508874 annotation reference;}{
\s39\ql \li0\ri0\sb160\widctlpar\wrapdefault\aspalpha\aspnum\faauto\adjustright\rin0\lin0\itap0 \rtlch\fcs1 \af31507\afs20\alang1025 \ltrch\fcs0 \f31506\fs22\lang1033\langfe1033\cgrid\langnp1033\langfenp1033 
\sbasedon0 \snext39 \slink40 \ssemihidden \sunhideused \styrsid2508874 annotation text;}{\*\cs40 \additive \rtlch\fcs1 \af0\afs20 \ltrch\fcs0 \fs20 \sbasedon10 \slink39 \slocked \ssemihidden \styrsid2508874 Comment Text Char;}{
\s41\ql \li0\ri0\sb160\widctlpar\wrapdefault\aspalpha\aspnum\faauto\adjustright\rin0\lin0\itap0 \rtlch\fcs1 \ab\af31507\afs20\alang1025 \ltrch\fcs0 \b\f31506\fs22\lang1033\langfe1033\cgrid\langnp1033\langfenp1033 
\sbasedon39 \snext39 \slink42 \ssemihidden \sunhideused \styrsid2508874 annotation subject;}{\*\cs42 \additive \rtlch\fcs1 \ab\af0\afs20 \ltrch\fcs0 \b\fs20 \sbasedon40 \slink41 \slocked \ssemihidden \styrsid2508874 Comment Subject Char;}{\*\cs43 
\additive \rtlch\fcs1 \af0 \ltrch\fcs0 \ul\cf35 \sbasedon10 \sunhideused \styrsid7158386 Hyperlink;}{\*\cs44 \additive \rtlch\fcs1 \ai\af0 \ltrch\fcs0 \b\cf36 \sbasedon10 \sqformat \spriority3 \styrsid7015298 Emphasis;}{\*\cs45 \additive \rtlch\fcs1 \af0 
\ltrch\fcs0 \ul\cf37 \sbasedon10 \ssemihidden \sunhideused \styrsid9200057 FollowedHyperlink;}{\*\cs46 \additive \rtlch\fcs1 \ab\af0 \ltrch\fcs0 \b\cf17 \sbasedon10 \sqformat \spriority4 \styrsid11876375 Strong;}{\s47\ql \li0\ri0\sb360\sa240\sl259\slmult1
\keep\keepn\pagebb\widctlpar\brdrb\brdrs\brdrw45\brsp20\brdrcf17 \wrapdefault\aspalpha\aspnum\faauto\adjustright\rin0\lin0\itap0\contextualspace \rtlch\fcs1 \af31507\afs22\alang1025 \ltrch\fcs0 
\f31502\fs52\cf18\lang1033\langfe1033\cgrid\langnp1033\langfenp1033 \sbasedon0 \snext47 \sqformat \spriority6 \styrsid2510925 Heading 1 - Page Break;}{\s48\qr \li0\ri0\sb160\sl259\slmult1
\widctlpar\wrapdefault\aspalpha\aspnum\faauto\adjustright\rin0\lin0\itap0 \rtlch\fcs1 \af31507\afs22\alang1025 \ltrch\fcs0 \f31506\fs22\lang1033\langfe1033\cgrid\langnp1033\langfenp1033 \sbasedon0 \snext48 \sqformat \spriority22 \styrsid1078222 Image;}{
\s49\ql \li0\ri0\sb160\sl259\slmult1\widctlpar\wrapdefault\aspalpha\aspnum\faauto\adjustright\rin0\lin0\itap0 \rtlch\fcs1 \af31507\afs22\alang1025 \ltrch\fcs0 \f31506\fs22\lang1033\langfe1033\cgrid\langnp1033\langfenp1033 
\sbasedon0 \snext0 \ssemihidden \sunhideused \spriority37 \styrsid15940483 Bibliography;}{\s50\ql \li0\ri0\sb360\sa240\keep\keepn\widctlpar\brdrb\brdrs\brdrw45\brsp20\brdrcf17 
\wrapdefault\aspalpha\aspnum\faauto\adjustright\rin0\lin0\itap0\contextualspace \rtlch\fcs1 \af31503\afs32\alang1025 \ltrch\fcs0 \fs52\cf18\lang1033\langfe1033\loch\f31502\hich\af31502\dbch\af31501\cgrid\langnp1033\langfenp1033 
\sbasedon1 \snext0 \ssemihidden \sunhideused \sqformat \spriority39 \styrsid15940483 TOC Heading;}{\s51\ql \li1152\ri1152\sb160\sl259\slmult1\widctlpar\brdrt\brdrs\brdrw5\brsp200\brdrcf19 \brdrl\brdrs\brdrw5\brsp200\brdrcf19 \brdrb
\brdrs\brdrw5\brsp200\brdrcf19 \brdrr\brdrs\brdrw5\brsp200\brdrcf19 \wrapdefault\aspalpha\aspnum\faauto\adjustright\rin1152\lin1152\itap0 \rtlch\fcs1 \ai\af31507\afs22\alang1025 \ltrch\fcs0 
\i\fs22\cf19\lang1033\langfe1033\loch\f31506\hich\af31506\dbch\af31505\cgrid\langnp1033\langfenp1033 \sbasedon0 \snext51 \ssemihidden \sunhideused \styrsid4749718 Block Text;}{\s52\ql \li0\ri0\sb160\sa120\sl259\slmult1
\widctlpar\wrapdefault\aspalpha\aspnum\faauto\adjustright\rin0\lin0\itap0 \rtlch\fcs1 \af31507\afs22\alang1025 \ltrch\fcs0 \f31506\fs22\lang1033\langfe1033\cgrid\langnp1033\langfenp1033 
\sbasedon0 \snext52 \slink53 \ssemihidden \sunhideused \styrsid15940483 Body Text;}{\*\cs53 \additive \rtlch\fcs1 \af0 \ltrch\fcs0 \sbasedon10 \slink52 \slocked \ssemihidden \styrsid15940483 Body Text Char;}{\s54\ql \li0\ri0\sb160\sa120\sl480\slmult1
\widctlpar\wrapdefault\aspalpha\aspnum\faauto\adjustright\rin0\lin0\itap0 \rtlch\fcs1 \af31507\afs22\alang1025 \ltrch\fcs0 \f31506\fs22\lang1033\langfe1033\cgrid\langnp1033\langfenp1033 
\sbasedon0 \snext54 \slink55 \ssemihidden \sunhideused \styrsid15940483 Body Text 2;}{\*\cs55 \additive \rtlch\fcs1 \af0 \ltrch\fcs0 \sbasedon10 \slink54 \slocked \ssemihidden \styrsid15940483 Body Text 2 Char;}{\s56\ql \li0\ri0\sb160\sa120\sl259\slmult1
\widctlpar\wrapdefault\aspalpha\aspnum\faauto\adjustright\rin0\lin0\itap0 \rtlch\fcs1 \af31507\afs16\alang1025 \ltrch\fcs0 \f31506\fs22\lang1033\langfe1033\cgrid\langnp1033\langfenp1033 
\sbasedon0 \snext56 \slink57 \ssemihidden \sunhideused \styrsid15940483 Body Text 3;}{\*\cs57 \additive \rtlch\fcs1 \af0\afs16 \ltrch\fcs0 \fs16 \sbasedon10 \slink56 \slocked \ssemihidden \styrsid15940483 Body Text 3 Char;}{
\s58\ql \fi360\li0\ri0\sb160\sl259\slmult1\widctlpar\wrapdefault\aspalpha\aspnum\faauto\adjustright\rin0\lin0\itap0 \rtlch\fcs1 \af31507\afs22\alang1025 \ltrch\fcs0 \f31506\fs22\lang1033\langfe1033\cgrid\langnp1033\langfenp1033 
\sbasedon52 \snext58 \slink59 \ssemihidden \sunhideused \styrsid15940483 Body Text First Indent;}{\*\cs59 \additive \rtlch\fcs1 \af0 \ltrch\fcs0 \sbasedon53 \slink58 \slocked \ssemihidden \styrsid15940483 Body Text First Indent Char;}{
\s60\ql \li360\ri0\sb160\sa120\sl259\slmult1\widctlpar\wrapdefault\aspalpha\aspnum\faauto\adjustright\rin0\lin360\itap0 \rtlch\fcs1 \af31507\afs22\alang1025 \ltrch\fcs0 \f31506\fs22\lang1033\langfe1033\cgrid\langnp1033\langfenp1033 
\sbasedon0 \snext60 \slink61 \ssemihidden \sunhideused \styrsid15940483 Body Text Indent;}{\*\cs61 \additive \rtlch\fcs1 \af0 \ltrch\fcs0 \sbasedon10 \slink60 \slocked \ssemihidden \styrsid15940483 Body Text Indent Char;}{
\s62\ql \fi360\li360\ri0\sb160\sl259\slmult1\widctlpar\wrapdefault\aspalpha\aspnum\faauto\adjustright\rin0\lin360\itap0 \rtlch\fcs1 \af31507\afs22\alang1025 \ltrch\fcs0 \f31506\fs22\lang1033\langfe1033\cgrid\langnp1033\langfenp1033 
\sbasedon60 \snext62 \slink63 \ssemihidden \sunhideused \styrsid15940483 Body Text First Indent 2;}{\*\cs63 \additive \rtlch\fcs1 \af0 \ltrch\fcs0 \sbasedon61 \slink62 \slocked \ssemihidden \styrsid15940483 Body Text First Indent 2 Char;}{
\s64\ql \li360\ri0\sb160\sa120\sl480\slmult1\widctlpar\wrapdefault\aspalpha\aspnum\faauto\adjustright\rin0\lin360\itap0 \rtlch\fcs1 \af31507\afs22\alang1025 \ltrch\fcs0 \f31506\fs22\lang1033\langfe1033\cgrid\langnp1033\langfenp1033 
\sbasedon0 \snext64 \slink65 \ssemihidden \sunhideused \styrsid15940483 Body Text Indent 2;}{\*\cs65 \additive \rtlch\fcs1 \af0 \ltrch\fcs0 \sbasedon10 \slink64 \slocked \ssemihidden \styrsid15940483 Body Text Indent 2 Char;}{
\s66\ql \li360\ri0\sb160\sa120\sl259\slmult1\widctlpar\wrapdefault\aspalpha\aspnum\faauto\adjustright\rin0\lin360\itap0 \rtlch\fcs1 \af31507\afs16\alang1025 \ltrch\fcs0 \f31506\fs22\lang1033\langfe1033\cgrid\langnp1033\langfenp1033 
\sbasedon0 \snext66 \slink67 \ssemihidden \sunhideused \styrsid15940483 Body Text Indent 3;}{\*\cs67 \additive \rtlch\fcs1 \af0\afs16 \ltrch\fcs0 \fs16 \sbasedon10 \slink66 \slocked \ssemihidden \styrsid15940483 Body Text Indent 3 Char;}{\*\cs68 
\additive \rtlch\fcs1 \ab\ai\af0 \ltrch\fcs0 \b\i\expnd0\expndtw0 \sbasedon10 \ssemihidden \sunhideused \sqformat \spriority33 \styrsid5849684 Book Title;}{\s69\ql \li0\ri0\sa200\widctlpar\wrapdefault\aspalpha\aspnum\faauto\adjustright\rin0\lin0\itap0 
\rtlch\fcs1 \ai\af31507\afs18\alang1025 \ltrch\fcs0 \i\f31506\fs22\cf38\lang1033\langfe1033\cgrid\langnp1033\langfenp1033 \sbasedon0 \snext0 \ssemihidden \sunhideused \sqformat \spriority35 \styrsid15940483 caption;}{
\s70\ql \li4320\ri0\widctlpar\wrapdefault\aspalpha\aspnum\faauto\adjustright\rin0\lin4320\itap0 \rtlch\fcs1 \af31507\afs22\alang1025 \ltrch\fcs0 \f31506\fs22\lang1033\langfe1033\cgrid\langnp1033\langfenp1033 
\sbasedon0 \snext70 \slink71 \ssemihidden \sunhideused \styrsid15940483 Closing;}{\*\cs71 \additive \rtlch\fcs1 \af0 \ltrch\fcs0 \sbasedon10 \slink70 \slocked \ssemihidden \styrsid15940483 Closing Char;}{\*\ts72\tsrowd\trbrdrh\brdrs\brdrw10\brdrcf22 
\trftsWidthB3\trpaddl108\trpaddr108\trpaddfl3\trpaddft3\trpaddfb3\trpaddfr3\tscbandsh1\tscbandsv1\tblind0\tblindtype3\tsvertalt\tscellcbpat31\tsbrdrt\tsbrdrl\tsbrdrb\tsbrdrr\tsbrdrdgl\tsbrdrdgr\tsbrdrh\tsbrdrv 
\ql \li0\ri0\widctlpar\wrapdefault\aspalpha\aspnum\faauto\adjustright\rin0\lin0\itap0 \rtlch\fcs1 \af31507\afs22\alang1025 \ltrch\fcs0 \f31506\fs22\cf32\lang1033\langfe1033\cgrid\langnp1033\langfenp1033 
\sbasedon11 \snext72 \ssemihidden \sunhideused \spriority73 \styrsid15940483 Colorful Grid;}{\*\ts72\tsrowd\tscellcfpat0\tscellcbpat24\tscellpct0 \rtlch\fcs1 \ab\af31507 \ltrch\fcs0 \b \tscfirstrow Colorful Grid;}{\*
\ts72\tsrowd\tscellcfpat0\tscellcbpat24\tscellpct0 \rtlch\fcs1 \ab\af31507 \ltrch\fcs0 \b\cf32 \tsclastrow Colorful Grid;}{\*\ts72\tsrowd\tscellcfpat0\tscellcbpat39\tscellpct0 \rtlch\fcs1 \af31507 \ltrch\fcs0 \cf22 \tscfirstcol Colorful Grid;}{\*
\ts72\tsrowd\tscellcfpat0\tscellcbpat39\tscellpct0 \rtlch\fcs1 \af31507 \ltrch\fcs0 \cf22 \tsclastcol Colorful Grid;}{\*\ts72\tsrowd\tscellcfpat0\tscellcbpat40\tscellpct0 \rtlch\fcs1 \af31507 \ltrch\fcs0 \tscbandvertodd Colorful Grid;}{\*
\ts72\tsrowd\tscellcfpat0\tscellcbpat40\tscellpct0 \rtlch\fcs1 \af31507 \ltrch\fcs0 \tscbandhorzodd Colorful Grid;}{\*\ts73\tsrowd\trbrdrh\brdrs\brdrw10\brdrcf22 
\trftsWidthB3\trpaddl108\trpaddr108\trpaddfl3\trpaddft3\trpaddfb3\trpaddfr3\tscbandsh1\tscbandsv1\tblind0\tblindtype3\tsvertalt\tscellcbpat41\tsbrdrt\tsbrdrl\tsbrdrb\tsbrdrr\tsbrdrdgl\tsbrdrdgr\tsbrdrh\tsbrdrv 
\ql \li0\ri0\widctlpar\wrapdefault\aspalpha\aspnum\faauto\adjustright\rin0\lin0\itap0 \rtlch\fcs1 \af31507\afs22\alang1025 \ltrch\fcs0 \f31506\fs22\cf32\lang1033\langfe1033\cgrid\langnp1033\langfenp1033 
\sbasedon11 \snext73 \ssemihidden \sunhideused \spriority73 \styrsid15940483 Colorful Grid Accent 1;}{\*\ts73\tsrowd\tscellcfpat0\tscellcbpat33\tscellpct0 \rtlch\fcs1 \ab\af31507 \ltrch\fcs0 \b \tscfirstrow Colorful Grid Accent 1;}{\*
\ts73\tsrowd\tscellcfpat0\tscellcbpat33\tscellpct0 \rtlch\fcs1 \ab\af31507 \ltrch\fcs0 \b\cf32 \tsclastrow Colorful Grid Accent 1;}{\*\ts73\tsrowd\tscellcfpat0\tscellcbpat42\tscellpct0 \rtlch\fcs1 \af31507 \ltrch\fcs0 \cf22 \tscfirstcol 
Colorful Grid Accent 1;}{\*\ts73\tsrowd\tscellcfpat0\tscellcbpat42\tscellpct0 \rtlch\fcs1 \af31507 \ltrch\fcs0 \cf22 \tsclastcol Colorful Grid Accent 1;}{\*\ts73\tsrowd\tscellcfpat0\tscellcbpat43\tscellpct0 \rtlch\fcs1 \af31507 \ltrch\fcs0 
\tscbandvertodd Colorful Grid Accent 1;}{\*\ts73\tsrowd\tscellcfpat0\tscellcbpat43\tscellpct0 \rtlch\fcs1 \af31507 \ltrch\fcs0 \tscbandhorzodd Colorful Grid Accent 1;}{\*\ts74\tsrowd\trbrdrh\brdrs\brdrw10\brdrcf22 
\trftsWidthB3\trpaddl108\trpaddr108\trpaddfl3\trpaddft3\trpaddfb3\trpaddfr3\tscbandsh1\tscbandsv1\tblind0\tblindtype3\tsvertalt\tscellcbpat44\tsbrdrt\tsbrdrl\tsbrdrb\tsbrdrr\tsbrdrdgl\tsbrdrdgr\tsbrdrh\tsbrdrv 
\ql \li0\ri0\widctlpar\wrapdefault\aspalpha\aspnum\faauto\adjustright\rin0\lin0\itap0 \rtlch\fcs1 \af31507\afs22\alang1025 \ltrch\fcs0 \f31506\fs22\cf32\lang1033\langfe1033\cgrid\langnp1033\langfenp1033 
\sbasedon11 \snext74 \ssemihidden \sunhideused \spriority73 \styrsid15940483 Colorful Grid Accent 2;}{\*\ts74\tsrowd\tscellcfpat0\tscellcbpat45\tscellpct0 \rtlch\fcs1 \ab\af31507 \ltrch\fcs0 \b \tscfirstrow Colorful Grid Accent 2;}{\*
\ts74\tsrowd\tscellcfpat0\tscellcbpat45\tscellpct0 \rtlch\fcs1 \ab\af31507 \ltrch\fcs0 \b\cf32 \tsclastrow Colorful Grid Accent 2;}{\*\ts74\tsrowd\tscellcfpat0\tscellcbpat36\tscellpct0 \rtlch\fcs1 \af31507 \ltrch\fcs0 \cf22 \tscfirstcol 
Colorful Grid Accent 2;}{\*\ts74\tsrowd\tscellcfpat0\tscellcbpat36\tscellpct0 \rtlch\fcs1 \af31507 \ltrch\fcs0 \cf22 \tsclastcol Colorful Grid Accent 2;}{\*\ts74\tsrowd\tscellcfpat0\tscellcbpat46\tscellpct0 \rtlch\fcs1 \af31507 \ltrch\fcs0 
\tscbandvertodd Colorful Grid Accent 2;}{\*\ts74\tsrowd\tscellcfpat0\tscellcbpat46\tscellpct0 \rtlch\fcs1 \af31507 \ltrch\fcs0 \tscbandhorzodd Colorful Grid Accent 2;}{\*\ts75\tsrowd\trbrdrh\brdrs\brdrw10\brdrcf22 
\trftsWidthB3\trpaddl108\trpaddr108\trpaddfl3\trpaddft3\trpaddfb3\trpaddfr3\tscbandsh1\tscbandsv1\tblind0\tblindtype3\tsvertalt\tscellcbpat47\tsbrdrt\tsbrdrl\tsbrdrb\tsbrdrr\tsbrdrdgl\tsbrdrdgr\tsbrdrh\tsbrdrv 
\ql \li0\ri0\widctlpar\wrapdefault\aspalpha\aspnum\faauto\adjustright\rin0\lin0\itap0 \rtlch\fcs1 \af31507\afs22\alang1025 \ltrch\fcs0 \f31506\fs22\cf32\lang1033\langfe1033\cgrid\langnp1033\langfenp1033 
\sbasedon11 \snext75 \ssemihidden \sunhideused \spriority73 \styrsid15940483 Colorful Grid Accent 3;}{\*\ts75\tsrowd\tscellcfpat0\tscellcbpat48\tscellpct0 \rtlch\fcs1 \ab\af31507 \ltrch\fcs0 \b \tscfirstrow Colorful Grid Accent 3;}{\*
\ts75\tsrowd\tscellcfpat0\tscellcbpat48\tscellpct0 \rtlch\fcs1 \ab\af31507 \ltrch\fcs0 \b\cf32 \tsclastrow Colorful Grid Accent 3;}{\*\ts75\tsrowd\tscellcfpat0\tscellcbpat49\tscellpct0 \rtlch\fcs1 \af31507 \ltrch\fcs0 \cf22 \tscfirstcol 
Colorful Grid Accent 3;}{\*\ts75\tsrowd\tscellcfpat0\tscellcbpat49\tscellpct0 \rtlch\fcs1 \af31507 \ltrch\fcs0 \cf22 \tsclastcol Colorful Grid Accent 3;}{\*\ts75\tsrowd\tscellcfpat0\tscellcbpat50\tscellpct0 \rtlch\fcs1 \af31507 \ltrch\fcs0 
\tscbandvertodd Colorful Grid Accent 3;}{\*\ts75\tsrowd\tscellcfpat0\tscellcbpat50\tscellpct0 \rtlch\fcs1 \af31507 \ltrch\fcs0 \tscbandhorzodd Colorful Grid Accent 3;}{\*\ts76\tsrowd\trbrdrh\brdrs\brdrw10\brdrcf22 
\trftsWidthB3\trpaddl108\trpaddr108\trpaddfl3\trpaddft3\trpaddfb3\trpaddfr3\tscbandsh1\tscbandsv1\tblind0\tblindtype3\tsvertalt\tscellcbpat51\tsbrdrt\tsbrdrl\tsbrdrb\tsbrdrr\tsbrdrdgl\tsbrdrdgr\tsbrdrh\tsbrdrv 
\ql \li0\ri0\widctlpar\wrapdefault\aspalpha\aspnum\faauto\adjustright\rin0\lin0\itap0 \rtlch\fcs1 \af31507\afs22\alang1025 \ltrch\fcs0 \f31506\fs22\cf32\lang1033\langfe1033\cgrid\langnp1033\langfenp1033 
\sbasedon11 \snext76 \ssemihidden \sunhideused \spriority73 \styrsid15940483 Colorful Grid Accent 4;}{\*\ts76\tsrowd\tscellcfpat0\tscellcbpat52\tscellpct0 \rtlch\fcs1 \ab\af31507 \ltrch\fcs0 \b \tscfirstrow Colorful Grid Accent 4;}{\*
\ts76\tsrowd\tscellcfpat0\tscellcbpat52\tscellpct0 \rtlch\fcs1 \ab\af31507 \ltrch\fcs0 \b\cf32 \tsclastrow Colorful Grid Accent 4;}{\*\ts76\tsrowd\tscellcfpat0\tscellcbpat53\tscellpct0 \rtlch\fcs1 \af31507 \ltrch\fcs0 \cf22 \tscfirstcol 
Colorful Grid Accent 4;}{\*\ts76\tsrowd\tscellcfpat0\tscellcbpat53\tscellpct0 \rtlch\fcs1 \af31507 \ltrch\fcs0 \cf22 \tsclastcol Colorful Grid Accent 4;}{\*\ts76\tsrowd\tscellcfpat0\tscellcbpat54\tscellpct0 \rtlch\fcs1 \af31507 \ltrch\fcs0 
\tscbandvertodd Colorful Grid Accent 4;}{\*\ts76\tsrowd\tscellcfpat0\tscellcbpat54\tscellpct0 \rtlch\fcs1 \af31507 \ltrch\fcs0 \tscbandhorzodd Colorful Grid Accent 4;}{\*\ts77\tsrowd\trbrdrh\brdrs\brdrw10\brdrcf22 
\trftsWidthB3\trpaddl108\trpaddr108\trpaddfl3\trpaddft3\trpaddfb3\trpaddfr3\tscbandsh1\tscbandsv1\tblind0\tblindtype3\tsvertalt\tscellcbpat28\tsbrdrt\tsbrdrl\tsbrdrb\tsbrdrr\tsbrdrdgl\tsbrdrdgr\tsbrdrh\tsbrdrv 
\ql \li0\ri0\widctlpar\wrapdefault\aspalpha\aspnum\faauto\adjustright\rin0\lin0\itap0 \rtlch\fcs1 \af31507\afs22\alang1025 \ltrch\fcs0 \f31506\fs22\cf32\lang1033\langfe1033\cgrid\langnp1033\langfenp1033 
\sbasedon11 \snext77 \ssemihidden \sunhideused \spriority73 \styrsid15940483 Colorful Grid Accent 5;}{\*\ts77\tsrowd\tscellcfpat0\tscellcbpat55\tscellpct0 \rtlch\fcs1 \ab\af31507 \ltrch\fcs0 \b \tscfirstrow Colorful Grid Accent 5;}{\*
\ts77\tsrowd\tscellcfpat0\tscellcbpat55\tscellpct0 \rtlch\fcs1 \ab\af31507 \ltrch\fcs0 \b\cf32 \tsclastrow Colorful Grid Accent 5;}{\*\ts77\tsrowd\tscellcfpat0\tscellcbpat56\tscellpct0 \rtlch\fcs1 \af31507 \ltrch\fcs0 \cf22 \tscfirstcol 
Colorful Grid Accent 5;}{\*\ts77\tsrowd\tscellcfpat0\tscellcbpat56\tscellpct0 \rtlch\fcs1 \af31507 \ltrch\fcs0 \cf22 \tsclastcol Colorful Grid Accent 5;}{\*\ts77\tsrowd\tscellcfpat0\tscellcbpat57\tscellpct0 \rtlch\fcs1 \af31507 \ltrch\fcs0 
\tscbandvertodd Colorful Grid Accent 5;}{\*\ts77\tsrowd\tscellcfpat0\tscellcbpat57\tscellpct0 \rtlch\fcs1 \af31507 \ltrch\fcs0 \tscbandhorzodd Colorful Grid Accent 5;}{\*\ts78\tsrowd\trbrdrh\brdrs\brdrw10\brdrcf22 
\trftsWidthB3\trpaddl108\trpaddr108\trpaddfl3\trpaddft3\trpaddfb3\trpaddfr3\tscbandsh1\tscbandsv1\tblind0\tblindtype3\tsvertalt\tscellcbpat58\tsbrdrt\tsbrdrl\tsbrdrb\tsbrdrr\tsbrdrdgl\tsbrdrdgr\tsbrdrh\tsbrdrv 
\ql \li0\ri0\widctlpar\wrapdefault\aspalpha\aspnum\faauto\adjustright\rin0\lin0\itap0 \rtlch\fcs1 \af31507\afs22\alang1025 \ltrch\fcs0 \f31506\fs22\cf32\lang1033\langfe1033\cgrid\langnp1033\langfenp1033 
\sbasedon11 \snext78 \ssemihidden \sunhideused \spriority73 \styrsid15940483 Colorful Grid Accent 6;}{\*\ts78\tsrowd\tscellcfpat0\tscellcbpat29\tscellpct0 \rtlch\fcs1 \ab\af31507 \ltrch\fcs0 \b \tscfirstrow Colorful Grid Accent 6;}{\*
\ts78\tsrowd\tscellcfpat0\tscellcbpat29\tscellpct0 \rtlch\fcs1 \ab\af31507 \ltrch\fcs0 \b\cf32 \tsclastrow Colorful Grid Accent 6;}{\*\ts78\tsrowd\tscellcfpat0\tscellcbpat59\tscellpct0 \rtlch\fcs1 \af31507 \ltrch\fcs0 \cf22 \tscfirstcol 
Colorful Grid Accent 6;}{\*\ts78\tsrowd\tscellcfpat0\tscellcbpat59\tscellpct0 \rtlch\fcs1 \af31507 \ltrch\fcs0 \cf22 \tsclastcol Colorful Grid Accent 6;}{\*\ts78\tsrowd\tscellcfpat0\tscellcbpat60\tscellpct0 \rtlch\fcs1 \af31507 \ltrch\fcs0 
\tscbandvertodd Colorful Grid Accent 6;}{\*\ts78\tsrowd\tscellcfpat0\tscellcbpat60\tscellpct0 \rtlch\fcs1 \af31507 \ltrch\fcs0 \tscbandhorzodd Colorful Grid Accent 6;}{\*
\ts79\tsrowd\trftsWidthB3\trpaddl108\trpaddr108\trpaddfl3\trpaddft3\trpaddfb3\trpaddfr3\tscbandsh1\tscbandsv1\tblind0\tblindtype3\tsvertalt\tscellcbpat61\tsbrdrt\tsbrdrl\tsbrdrb\tsbrdrr\tsbrdrdgl\tsbrdrdgr\tsbrdrh\tsbrdrv 
\ql \li0\ri0\widctlpar\wrapdefault\aspalpha\aspnum\faauto\adjustright\rin0\lin0\itap0 \rtlch\fcs1 \af31507\afs22\alang1025 \ltrch\fcs0 \f31506\fs22\cf32\lang1033\langfe1033\cgrid\langnp1033\langfenp1033 
\sbasedon11 \snext79 \ssemihidden \sunhideused \spriority72 \styrsid15940483 Colorful List;}{\*\ts79\tsrowd\tscellcfpat0\tscellcbpat62\tscellpct0\tsbrdrb\brdrs\brdrw30\brdrcf22 \rtlch\fcs1 \ab\af31507 \ltrch\fcs0 \b\cf22 \tscfirstrow Colorful List;}{\*
\ts79\tsrowd\tscellcfpat0\tscellcbpat22\tscellpct0\tsbrdrt\brdrs\brdrw30\brdrcf32 \rtlch\fcs1 \ab\af31507 \ltrch\fcs0 \b\cf62 \tsclastrow Colorful List;}{\*\ts79\tsrowd \rtlch\fcs1 \ab\af31507 \ltrch\fcs0 \b \tscfirstcol Colorful List;}{\*\ts79\tsrowd 
\rtlch\fcs1 \ab\af31507 \ltrch\fcs0 \b \tsclastcol Colorful List;}{\*\ts79\tsrowd\tscellcfpat0\tscellcbpat63\tscellpct0\tsbrdrt\brdrnone \tsbrdrl\brdrnone \tsbrdrb\brdrnone \tsbrdrr\brdrnone \tsbrdrh\brdrnone \tsbrdrv\brdrnone \rtlch\fcs1 \af31507 
\ltrch\fcs0 \tscbandvertodd Colorful List;}{\*\ts79\tsrowd\tscellcfpat0\tscellcbpat31\tscellpct0 \rtlch\fcs1 \af31507 \ltrch\fcs0 \tscbandhorzodd Colorful List;}{\*
\ts80\tsrowd\trftsWidthB3\trpaddl108\trpaddr108\trpaddfl3\trpaddft3\trpaddfb3\trpaddfr3\tscbandsh1\tscbandsv1\tblind0\tblindtype3\tsvertalt\tscellcbpat64\tsbrdrt\tsbrdrl\tsbrdrb\tsbrdrr\tsbrdrdgl\tsbrdrdgr\tsbrdrh\tsbrdrv 
\ql \li0\ri0\widctlpar\wrapdefault\aspalpha\aspnum\faauto\adjustright\rin0\lin0\itap0 \rtlch\fcs1 \af31507\afs22\alang1025 \ltrch\fcs0 \f31506\fs22\cf32\lang1033\langfe1033\cgrid\langnp1033\langfenp1033 
\sbasedon11 \snext80 \ssemihidden \sunhideused \spriority72 \styrsid15940483 Colorful List Accent 1;}{\*\ts80\tsrowd\tscellcfpat0\tscellcbpat62\tscellpct0\tsbrdrb\brdrs\brdrw30\brdrcf22 \rtlch\fcs1 \ab\af31507 \ltrch\fcs0 \b\cf22 \tscfirstrow 
Colorful List Accent 1;}{\*\ts80\tsrowd\tscellcfpat0\tscellcbpat22\tscellpct0\tsbrdrt\brdrs\brdrw30\brdrcf32 \rtlch\fcs1 \ab\af31507 \ltrch\fcs0 \b\cf62 \tsclastrow Colorful List Accent 1;}{\*\ts80\tsrowd \rtlch\fcs1 \ab\af31507 \ltrch\fcs0 \b 
\tscfirstcol Colorful List Accent 1;}{\*\ts80\tsrowd \rtlch\fcs1 \ab\af31507 \ltrch\fcs0 \b \tsclastcol Colorful List Accent 1;}{\*\ts80\tsrowd\tscellcfpat0\tscellcbpat65\tscellpct0\tsbrdrt\brdrnone \tsbrdrl\brdrnone \tsbrdrb\brdrnone \tsbrdrr\brdrnone 
\tsbrdrh\brdrnone \tsbrdrv\brdrnone \rtlch\fcs1 \af31507 \ltrch\fcs0 \tscbandvertodd Colorful List Accent 1;}{\*\ts80\tsrowd\tscellcfpat0\tscellcbpat41\tscellpct0 \rtlch\fcs1 \af31507 \ltrch\fcs0 \tscbandhorzodd Colorful List Accent 1;}{\*
\ts81\tsrowd\trftsWidthB3\trpaddl108\trpaddr108\trpaddfl3\trpaddft3\trpaddfb3\trpaddfr3\tscbandsh1\tscbandsv1\tblind0\tblindtype3\tsvertalt\tscellcbpat66\tsbrdrt\tsbrdrl\tsbrdrb\tsbrdrr\tsbrdrdgl\tsbrdrdgr\tsbrdrh\tsbrdrv 
\ql \li0\ri0\widctlpar\wrapdefault\aspalpha\aspnum\faauto\adjustright\rin0\lin0\itap0 \rtlch\fcs1 \af31507\afs22\alang1025 \ltrch\fcs0 \f31506\fs22\cf32\lang1033\langfe1033\cgrid\langnp1033\langfenp1033 
\sbasedon11 \snext81 \ssemihidden \sunhideused \spriority72 \styrsid15940483 Colorful List Accent 2;}{\*\ts81\tsrowd\tscellcfpat0\tscellcbpat62\tscellpct0\tsbrdrb\brdrs\brdrw30\brdrcf22 \rtlch\fcs1 \ab\af31507 \ltrch\fcs0 \b\cf22 \tscfirstrow 
Colorful List Accent 2;}{\*\ts81\tsrowd\tscellcfpat0\tscellcbpat22\tscellpct0\tsbrdrt\brdrs\brdrw30\brdrcf32 \rtlch\fcs1 \ab\af31507 \ltrch\fcs0 \b\cf62 \tsclastrow Colorful List Accent 2;}{\*\ts81\tsrowd \rtlch\fcs1 \ab\af31507 \ltrch\fcs0 \b 
\tscfirstcol Colorful List Accent 2;}{\*\ts81\tsrowd \rtlch\fcs1 \ab\af31507 \ltrch\fcs0 \b \tsclastcol Colorful List Accent 2;}{\*\ts81\tsrowd\tscellcfpat0\tscellcbpat67\tscellpct0\tsbrdrt\brdrnone \tsbrdrl\brdrnone \tsbrdrb\brdrnone \tsbrdrr\brdrnone 
\tsbrdrh\brdrnone \tsbrdrv\brdrnone \rtlch\fcs1 \af31507 \ltrch\fcs0 \tscbandvertodd Colorful List Accent 2;}{\*\ts81\tsrowd\tscellcfpat0\tscellcbpat44\tscellpct0 \rtlch\fcs1 \af31507 \ltrch\fcs0 \tscbandhorzodd Colorful List Accent 2;}{\*
\ts82\tsrowd\trftsWidthB3\trpaddl108\trpaddr108\trpaddfl3\trpaddft3\trpaddfb3\trpaddfr3\tscbandsh1\tscbandsv1\tblind0\tblindtype3\tsvertalt\tscellcbpat68\tsbrdrt\tsbrdrl\tsbrdrb\tsbrdrr\tsbrdrdgl\tsbrdrdgr\tsbrdrh\tsbrdrv 
\ql \li0\ri0\widctlpar\wrapdefault\aspalpha\aspnum\faauto\adjustright\rin0\lin0\itap0 \rtlch\fcs1 \af31507\afs22\alang1025 \ltrch\fcs0 \f31506\fs22\cf32\lang1033\langfe1033\cgrid\langnp1033\langfenp1033 
\sbasedon11 \snext82 \ssemihidden \sunhideused \spriority72 \styrsid15940483 Colorful List Accent 3;}{\*\ts82\tsrowd\tscellcfpat0\tscellcbpat69\tscellpct0\tsbrdrb\brdrs\brdrw30\brdrcf22 \rtlch\fcs1 \ab\af31507 \ltrch\fcs0 \b\cf22 \tscfirstrow 
Colorful List Accent 3;}{\*\ts82\tsrowd\tscellcfpat0\tscellcbpat22\tscellpct0\tsbrdrt\brdrs\brdrw30\brdrcf32 \rtlch\fcs1 \ab\af31507 \ltrch\fcs0 \b\cf69 \tsclastrow Colorful List Accent 3;}{\*\ts82\tsrowd \rtlch\fcs1 \ab\af31507 \ltrch\fcs0 \b 
\tscfirstcol Colorful List Accent 3;}{\*\ts82\tsrowd \rtlch\fcs1 \ab\af31507 \ltrch\fcs0 \b \tsclastcol Colorful List Accent 3;}{\*\ts82\tsrowd\tscellcfpat0\tscellcbpat70\tscellpct0\tsbrdrt\brdrnone \tsbrdrl\brdrnone \tsbrdrb\brdrnone \tsbrdrr\brdrnone 
\tsbrdrh\brdrnone \tsbrdrv\brdrnone \rtlch\fcs1 \af31507 \ltrch\fcs0 \tscbandvertodd Colorful List Accent 3;}{\*\ts82\tsrowd\tscellcfpat0\tscellcbpat47\tscellpct0 \rtlch\fcs1 \af31507 \ltrch\fcs0 \tscbandhorzodd Colorful List Accent 3;}{\*
\ts83\tsrowd\trftsWidthB3\trpaddl108\trpaddr108\trpaddfl3\trpaddft3\trpaddfb3\trpaddfr3\tscbandsh1\tscbandsv1\tblind0\tblindtype3\tsvertalt\tscellcbpat71\tsbrdrt\tsbrdrl\tsbrdrb\tsbrdrr\tsbrdrdgl\tsbrdrdgr\tsbrdrh\tsbrdrv 
\ql \li0\ri0\widctlpar\wrapdefault\aspalpha\aspnum\faauto\adjustright\rin0\lin0\itap0 \rtlch\fcs1 \af31507\afs22\alang1025 \ltrch\fcs0 \f31506\fs22\cf32\lang1033\langfe1033\cgrid\langnp1033\langfenp1033 
\sbasedon11 \snext83 \ssemihidden \sunhideused \spriority72 \styrsid15940483 Colorful List Accent 4;}{\*\ts83\tsrowd\tscellcfpat0\tscellcbpat72\tscellpct0\tsbrdrb\brdrs\brdrw30\brdrcf22 \rtlch\fcs1 \ab\af31507 \ltrch\fcs0 \b\cf22 \tscfirstrow 
Colorful List Accent 4;}{\*\ts83\tsrowd\tscellcfpat0\tscellcbpat22\tscellpct0\tsbrdrt\brdrs\brdrw30\brdrcf32 \rtlch\fcs1 \ab\af31507 \ltrch\fcs0 \b\cf72 \tsclastrow Colorful List Accent 4;}{\*\ts83\tsrowd \rtlch\fcs1 \ab\af31507 \ltrch\fcs0 \b 
\tscfirstcol Colorful List Accent 4;}{\*\ts83\tsrowd \rtlch\fcs1 \ab\af31507 \ltrch\fcs0 \b \tsclastcol Colorful List Accent 4;}{\*\ts83\tsrowd\tscellcfpat0\tscellcbpat73\tscellpct0\tsbrdrt\brdrnone \tsbrdrl\brdrnone \tsbrdrb\brdrnone \tsbrdrr\brdrnone 
\tsbrdrh\brdrnone \tsbrdrv\brdrnone \rtlch\fcs1 \af31507 \ltrch\fcs0 \tscbandvertodd Colorful List Accent 4;}{\*\ts83\tsrowd\tscellcfpat0\tscellcbpat51\tscellpct0 \rtlch\fcs1 \af31507 \ltrch\fcs0 \tscbandhorzodd Colorful List Accent 4;}{\*
\ts84\tsrowd\trftsWidthB3\trpaddl108\trpaddr108\trpaddfl3\trpaddft3\trpaddfb3\trpaddfr3\tscbandsh1\tscbandsv1\tblind0\tblindtype3\tsvertalt\tscellcbpat74\tsbrdrt\tsbrdrl\tsbrdrb\tsbrdrr\tsbrdrdgl\tsbrdrdgr\tsbrdrh\tsbrdrv 
\ql \li0\ri0\widctlpar\wrapdefault\aspalpha\aspnum\faauto\adjustright\rin0\lin0\itap0 \rtlch\fcs1 \af31507\afs22\alang1025 \ltrch\fcs0 \f31506\fs22\cf32\lang1033\langfe1033\cgrid\langnp1033\langfenp1033 
\sbasedon11 \snext84 \ssemihidden \sunhideused \spriority72 \styrsid15940483 Colorful List Accent 5;}{\*\ts84\tsrowd\tscellcfpat0\tscellcbpat75\tscellpct0\tsbrdrb\brdrs\brdrw30\brdrcf22 \rtlch\fcs1 \ab\af31507 \ltrch\fcs0 \b\cf22 \tscfirstrow 
Colorful List Accent 5;}{\*\ts84\tsrowd\tscellcfpat0\tscellcbpat22\tscellpct0\tsbrdrt\brdrs\brdrw30\brdrcf32 \rtlch\fcs1 \ab\af31507 \ltrch\fcs0 \b\cf75 \tsclastrow Colorful List Accent 5;}{\*\ts84\tsrowd \rtlch\fcs1 \ab\af31507 \ltrch\fcs0 \b 
\tscfirstcol Colorful List Accent 5;}{\*\ts84\tsrowd \rtlch\fcs1 \ab\af31507 \ltrch\fcs0 \b \tsclastcol Colorful List Accent 5;}{\*\ts84\tsrowd\tscellcfpat0\tscellcbpat76\tscellpct0\tsbrdrt\brdrnone \tsbrdrl\brdrnone \tsbrdrb\brdrnone \tsbrdrr\brdrnone 
\tsbrdrh\brdrnone \tsbrdrv\brdrnone \rtlch\fcs1 \af31507 \ltrch\fcs0 \tscbandvertodd Colorful List Accent 5;}{\*\ts84\tsrowd\tscellcfpat0\tscellcbpat28\tscellpct0 \rtlch\fcs1 \af31507 \ltrch\fcs0 \tscbandhorzodd Colorful List Accent 5;}{\*
\ts85\tsrowd\trftsWidthB3\trpaddl108\trpaddr108\trpaddfl3\trpaddft3\trpaddfb3\trpaddfr3\tscbandsh1\tscbandsv1\tblind0\tblindtype3\tsvertalt\tscellcbpat77\tsbrdrt\tsbrdrl\tsbrdrb\tsbrdrr\tsbrdrdgl\tsbrdrdgr\tsbrdrh\tsbrdrv 
\ql \li0\ri0\widctlpar\wrapdefault\aspalpha\aspnum\faauto\adjustright\rin0\lin0\itap0 \rtlch\fcs1 \af31507\afs22\alang1025 \ltrch\fcs0 \f31506\fs22\cf32\lang1033\langfe1033\cgrid\langnp1033\langfenp1033 
\sbasedon11 \snext85 \ssemihidden \sunhideused \spriority72 \styrsid15940483 Colorful List Accent 6;}{\*\ts85\tsrowd\tscellcfpat0\tscellcbpat78\tscellpct0\tsbrdrb\brdrs\brdrw30\brdrcf22 \rtlch\fcs1 \ab\af31507 \ltrch\fcs0 \b\cf22 \tscfirstrow 
Colorful List Accent 6;}{\*\ts85\tsrowd\tscellcfpat0\tscellcbpat22\tscellpct0\tsbrdrt\brdrs\brdrw30\brdrcf32 \rtlch\fcs1 \ab\af31507 \ltrch\fcs0 \b\cf78 \tsclastrow Colorful List Accent 6;}{\*\ts85\tsrowd \rtlch\fcs1 \ab\af31507 \ltrch\fcs0 \b 
\tscfirstcol Colorful List Accent 6;}{\*\ts85\tsrowd \rtlch\fcs1 \ab\af31507 \ltrch\fcs0 \b \tsclastcol Colorful List Accent 6;}{\*\ts85\tsrowd\tscellcfpat0\tscellcbpat79\tscellpct0\tsbrdrt\brdrnone \tsbrdrl\brdrnone \tsbrdrb\brdrnone \tsbrdrr\brdrnone 
\tsbrdrh\brdrnone \tsbrdrv\brdrnone \rtlch\fcs1 \af31507 \ltrch\fcs0 \tscbandvertodd Colorful List Accent 6;}{\*\ts85\tsrowd\tscellcfpat0\tscellcbpat58\tscellpct0 \rtlch\fcs1 \af31507 \ltrch\fcs0 \tscbandhorzodd Colorful List Accent 6;}{\*\ts86\tsrowd
\trbrdrt\brdrs\brdrw60\brdrcf80 \trbrdrl\brdrs\brdrw10\brdrcf32 \trbrdrb\brdrs\brdrw10\brdrcf32 \trbrdrr\brdrs\brdrw10\brdrcf32 \trbrdrh\brdrs\brdrw10\brdrcf22 \trbrdrv\brdrs\brdrw10\brdrcf22 
\trftsWidthB3\trpaddl108\trpaddr108\trpaddfl3\trpaddft3\trpaddfb3\trpaddfr3\tscbandsh1\tscbandsv1\tblind0\tblindtype3\tsvertalt\tscellcbpat61\tsbrdrt\tsbrdrl\tsbrdrb\tsbrdrr\tsbrdrdgl\tsbrdrdgr\tsbrdrh\tsbrdrv 
\ql \li0\ri0\widctlpar\wrapdefault\aspalpha\aspnum\faauto\adjustright\rin0\lin0\itap0 \rtlch\fcs1 \af31507\afs22\alang1025 \ltrch\fcs0 \f31506\fs22\cf32\lang1033\langfe1033\cgrid\langnp1033\langfenp1033 
\sbasedon11 \snext86 \ssemihidden \sunhideused \spriority71 \styrsid15940483 Colorful Shading;}{\*\ts86\tsrowd\tscellcfpat0\tscellcbpat22\tscellpct0\tsbrdrt\brdrnone \tsbrdrl\brdrnone \tsbrdrb\brdrs\brdrw60\brdrcf80 \tsbrdrr\brdrnone \tsbrdrh\brdrnone 
\tsbrdrv\brdrnone \rtlch\fcs1 \ab\af31507 \ltrch\fcs0 \b \tscfirstrow Colorful Shading;}{\*\ts86\tsrowd\tscellcfpat0\tscellcbpat81\tscellpct0\tsbrdrt\brdrs\brdrw15\brdrcf22 \rtlch\fcs1 \ab\af31507 \ltrch\fcs0 \b\cf22 \tsclastrow Colorful Shading;}{\*
\ts86\tsrowd\tscellcfpat0\tscellcbpat81\tscellpct0\tsbrdrt\brdrnone \tsbrdrl\brdrnone \tsbrdrb\brdrnone \tsbrdrr\brdrnone \tsbrdrh\brdrs\brdrw10\brdrcf81 \tsbrdrv\brdrnone \rtlch\fcs1 \af31507 \ltrch\fcs0 \cf22 \tscfirstcol Colorful Shading;}{\*
\ts86\tsrowd\tscellcfpat0\tscellcbpat39\tscellpct0\tsbrdrt\brdrnone \tsbrdrl\brdrnone \tsbrdrb\brdrnone \tsbrdrr\brdrnone \tsbrdrh\brdrnone \tsbrdrv\brdrnone \rtlch\fcs1 \af31507 \ltrch\fcs0 \cf22 \tsclastcol Colorful Shading;}{\*
\ts86\tsrowd\tscellcfpat0\tscellcbpat24\tscellpct0 \rtlch\fcs1 \af31507 \ltrch\fcs0 \tscbandvertodd Colorful Shading;}{\*\ts86\tsrowd\tscellcfpat0\tscellcbpat40\tscellpct0 \rtlch\fcs1 \af31507 \ltrch\fcs0 \tscbandhorzodd Colorful Shading;}{\*\ts86\tsrowd 
\rtlch\fcs1 \af31507 \ltrch\fcs0 \cf32 \tscnecell Colorful Shading;}{\*\ts86\tsrowd \rtlch\fcs1 \af31507 \ltrch\fcs0 \cf32 \tscnwcell Colorful Shading;}{\*\ts87\tsrowd\trbrdrt\brdrs\brdrw60\brdrcf80 \trbrdrl\brdrs\brdrw10\brdrcf82 \trbrdrb
\brdrs\brdrw10\brdrcf82 \trbrdrr\brdrs\brdrw10\brdrcf82 \trbrdrh\brdrs\brdrw10\brdrcf22 \trbrdrv\brdrs\brdrw10\brdrcf22 
\trftsWidthB3\trpaddl108\trpaddr108\trpaddfl3\trpaddft3\trpaddfb3\trpaddfr3\tscbandsh1\tscbandsv1\tblind0\tblindtype3\tsvertalt\tscellcbpat64\tsbrdrt\tsbrdrl\tsbrdrb\tsbrdrr\tsbrdrdgl\tsbrdrdgr\tsbrdrh\tsbrdrv 
\ql \li0\ri0\widctlpar\wrapdefault\aspalpha\aspnum\faauto\adjustright\rin0\lin0\itap0 \rtlch\fcs1 \af31507\afs22\alang1025 \ltrch\fcs0 \f31506\fs22\cf32\lang1033\langfe1033\cgrid\langnp1033\langfenp1033 
\sbasedon11 \snext87 \ssemihidden \sunhideused \spriority71 \styrsid15940483 Colorful Shading Accent 1;}{\*\ts87\tsrowd\tscellcfpat0\tscellcbpat22\tscellpct0\tsbrdrt\brdrnone \tsbrdrl\brdrnone \tsbrdrb\brdrs\brdrw60\brdrcf80 \tsbrdrr\brdrnone \tsbrdrh
\brdrnone \tsbrdrv\brdrnone \rtlch\fcs1 \ab\af31507 \ltrch\fcs0 \b \tscfirstrow Colorful Shading Accent 1;}{\*\ts87\tsrowd\tscellcfpat0\tscellcbpat83\tscellpct0\tsbrdrt\brdrs\brdrw15\brdrcf22 \rtlch\fcs1 \ab\af31507 \ltrch\fcs0 \b\cf22 \tsclastrow 
Colorful Shading Accent 1;}{\*\ts87\tsrowd\tscellcfpat0\tscellcbpat83\tscellpct0\tsbrdrt\brdrnone \tsbrdrl\brdrnone \tsbrdrb\brdrnone \tsbrdrr\brdrnone \tsbrdrh\brdrs\brdrw10\brdrcf83 \tsbrdrv\brdrnone \rtlch\fcs1 \af31507 \ltrch\fcs0 \cf22 \tscfirstcol 
Colorful Shading Accent 1;}{\*\ts87\tsrowd\tscellcfpat0\tscellcbpat83\tscellpct0\tsbrdrt\brdrnone \tsbrdrl\brdrnone \tsbrdrb\brdrnone \tsbrdrr\brdrnone \tsbrdrh\brdrnone \tsbrdrv\brdrnone \rtlch\fcs1 \af31507 \ltrch\fcs0 \cf22 \tsclastcol 
Colorful Shading Accent 1;}{\*\ts87\tsrowd\tscellcfpat0\tscellcbpat33\tscellpct0 \rtlch\fcs1 \af31507 \ltrch\fcs0 \tscbandvertodd Colorful Shading Accent 1;}{\*\ts87\tsrowd\tscellcfpat0\tscellcbpat43\tscellpct0 \rtlch\fcs1 \af31507 \ltrch\fcs0 
\tscbandhorzodd Colorful Shading Accent 1;}{\*\ts87\tsrowd \rtlch\fcs1 \af31507 \ltrch\fcs0 \cf32 \tscnecell Colorful Shading Accent 1;}{\*\ts87\tsrowd \rtlch\fcs1 \af31507 \ltrch\fcs0 \cf32 \tscnwcell Colorful Shading Accent 1;}{\*\ts88\tsrowd\trbrdrt
\brdrs\brdrw60\brdrcf80 \trbrdrl\brdrs\brdrw10\brdrcf80 \trbrdrb\brdrs\brdrw10\brdrcf80 \trbrdrr\brdrs\brdrw10\brdrcf80 \trbrdrh\brdrs\brdrw10\brdrcf22 \trbrdrv\brdrs\brdrw10\brdrcf22 
\trftsWidthB3\trpaddl108\trpaddr108\trpaddfl3\trpaddft3\trpaddfb3\trpaddfr3\tscbandsh1\tscbandsv1\tblind0\tblindtype3\tsvertalt\tscellcbpat66\tsbrdrt\tsbrdrl\tsbrdrb\tsbrdrr\tsbrdrdgl\tsbrdrdgr\tsbrdrh\tsbrdrv 
\ql \li0\ri0\widctlpar\wrapdefault\aspalpha\aspnum\faauto\adjustright\rin0\lin0\itap0 \rtlch\fcs1 \af31507\afs22\alang1025 \ltrch\fcs0 \f31506\fs22\cf32\lang1033\langfe1033\cgrid\langnp1033\langfenp1033 
\sbasedon11 \snext88 \ssemihidden \sunhideused \spriority71 \styrsid15940483 Colorful Shading Accent 2;}{\*\ts88\tsrowd\tscellcfpat0\tscellcbpat22\tscellpct0\tsbrdrt\brdrnone \tsbrdrl\brdrnone \tsbrdrb\brdrs\brdrw60\brdrcf80 \tsbrdrr\brdrnone \tsbrdrh
\brdrnone \tsbrdrv\brdrnone \rtlch\fcs1 \ab\af31507 \ltrch\fcs0 \b \tscfirstrow Colorful Shading Accent 2;}{\*\ts88\tsrowd\tscellcfpat0\tscellcbpat84\tscellpct0\tsbrdrt\brdrs\brdrw15\brdrcf22 \rtlch\fcs1 \ab\af31507 \ltrch\fcs0 \b\cf22 \tsclastrow 
Colorful Shading Accent 2;}{\*\ts88\tsrowd\tscellcfpat0\tscellcbpat84\tscellpct0\tsbrdrt\brdrnone \tsbrdrl\brdrnone \tsbrdrb\brdrnone \tsbrdrr\brdrnone \tsbrdrh\brdrs\brdrw10\brdrcf84 \tsbrdrv\brdrnone \rtlch\fcs1 \af31507 \ltrch\fcs0 \cf22 \tscfirstcol 
Colorful Shading Accent 2;}{\*\ts88\tsrowd\tscellcfpat0\tscellcbpat84\tscellpct0\tsbrdrt\brdrnone \tsbrdrl\brdrnone \tsbrdrb\brdrnone \tsbrdrr\brdrnone \tsbrdrh\brdrnone \tsbrdrv\brdrnone \rtlch\fcs1 \af31507 \ltrch\fcs0 \cf22 \tsclastcol 
Colorful Shading Accent 2;}{\*\ts88\tsrowd\tscellcfpat0\tscellcbpat45\tscellpct0 \rtlch\fcs1 \af31507 \ltrch\fcs0 \tscbandvertodd Colorful Shading Accent 2;}{\*\ts88\tsrowd\tscellcfpat0\tscellcbpat46\tscellpct0 \rtlch\fcs1 \af31507 \ltrch\fcs0 
\tscbandhorzodd Colorful Shading Accent 2;}{\*\ts88\tsrowd \rtlch\fcs1 \af31507 \ltrch\fcs0 \cf32 \tscnecell Colorful Shading Accent 2;}{\*\ts88\tsrowd \rtlch\fcs1 \af31507 \ltrch\fcs0 \cf32 \tscnwcell Colorful Shading Accent 2;}{\*\ts89\tsrowd\trbrdrt
\brdrs\brdrw60\brdrcf85 \trbrdrl\brdrs\brdrw10\brdrcf86 \trbrdrb\brdrs\brdrw10\brdrcf86 \trbrdrr\brdrs\brdrw10\brdrcf86 \trbrdrh\brdrs\brdrw10\brdrcf22 \trbrdrv\brdrs\brdrw10\brdrcf22 
\trftsWidthB3\trpaddl108\trpaddr108\trpaddfl3\trpaddft3\trpaddfb3\trpaddfr3\tscbandsh1\tscbandsv1\tblind0\tblindtype3\tsvertalt\tscellcbpat68\tsbrdrt\tsbrdrl\tsbrdrb\tsbrdrr\tsbrdrdgl\tsbrdrdgr\tsbrdrh\tsbrdrv 
\ql \li0\ri0\widctlpar\wrapdefault\aspalpha\aspnum\faauto\adjustright\rin0\lin0\itap0 \rtlch\fcs1 \af31507\afs22\alang1025 \ltrch\fcs0 \f31506\fs22\cf32\lang1033\langfe1033\cgrid\langnp1033\langfenp1033 
\sbasedon11 \snext89 \ssemihidden \sunhideused \spriority71 \styrsid15940483 Colorful Shading Accent 3;}{\*\ts89\tsrowd\tscellcfpat0\tscellcbpat22\tscellpct0\tsbrdrt\brdrnone \tsbrdrl\brdrnone \tsbrdrb\brdrs\brdrw60\brdrcf85 \tsbrdrr\brdrnone \tsbrdrh
\brdrnone \tsbrdrv\brdrnone \rtlch\fcs1 \ab\af31507 \ltrch\fcs0 \b \tscfirstrow Colorful Shading Accent 3;}{\*\ts89\tsrowd\tscellcfpat0\tscellcbpat87\tscellpct0\tsbrdrt\brdrs\brdrw15\brdrcf22 \rtlch\fcs1 \ab\af31507 \ltrch\fcs0 \b\cf22 \tsclastrow 
Colorful Shading Accent 3;}{\*\ts89\tsrowd\tscellcfpat0\tscellcbpat87\tscellpct0\tsbrdrt\brdrnone \tsbrdrl\brdrnone \tsbrdrb\brdrnone \tsbrdrr\brdrnone \tsbrdrh\brdrs\brdrw10\brdrcf87 \tsbrdrv\brdrnone \rtlch\fcs1 \af31507 \ltrch\fcs0 \cf22 \tscfirstcol 
Colorful Shading Accent 3;}{\*\ts89\tsrowd\tscellcfpat0\tscellcbpat87\tscellpct0\tsbrdrt\brdrnone \tsbrdrl\brdrnone \tsbrdrb\brdrnone \tsbrdrr\brdrnone \tsbrdrh\brdrnone \tsbrdrv\brdrnone \rtlch\fcs1 \af31507 \ltrch\fcs0 \cf22 \tsclastcol 
Colorful Shading Accent 3;}{\*\ts89\tsrowd\tscellcfpat0\tscellcbpat48\tscellpct0 \rtlch\fcs1 \af31507 \ltrch\fcs0 \tscbandvertodd Colorful Shading Accent 3;}{\*\ts89\tsrowd\tscellcfpat0\tscellcbpat50\tscellpct0 \rtlch\fcs1 \af31507 \ltrch\fcs0 
\tscbandhorzodd Colorful Shading Accent 3;}{\*\ts90\tsrowd\trbrdrt\brdrs\brdrw60\brdrcf86 \trbrdrl\brdrs\brdrw10\brdrcf85 \trbrdrb\brdrs\brdrw10\brdrcf85 \trbrdrr\brdrs\brdrw10\brdrcf85 \trbrdrh\brdrs\brdrw10\brdrcf22 \trbrdrv\brdrs\brdrw10\brdrcf22 
\trftsWidthB3\trpaddl108\trpaddr108\trpaddfl3\trpaddft3\trpaddfb3\trpaddfr3\tscbandsh1\tscbandsv1\tblind0\tblindtype3\tsvertalt\tscellcbpat71\tsbrdrt\tsbrdrl\tsbrdrb\tsbrdrr\tsbrdrdgl\tsbrdrdgr\tsbrdrh\tsbrdrv 
\ql \li0\ri0\widctlpar\wrapdefault\aspalpha\aspnum\faauto\adjustright\rin0\lin0\itap0 \rtlch\fcs1 \af31507\afs22\alang1025 \ltrch\fcs0 \f31506\fs22\cf32\lang1033\langfe1033\cgrid\langnp1033\langfenp1033 
\sbasedon11 \snext90 \ssemihidden \sunhideused \spriority71 \styrsid15940483 Colorful Shading Accent 4;}{\*\ts90\tsrowd\tscellcfpat0\tscellcbpat22\tscellpct0\tsbrdrt\brdrnone \tsbrdrl\brdrnone \tsbrdrb\brdrs\brdrw60\brdrcf86 \tsbrdrr\brdrnone \tsbrdrh
\brdrnone \tsbrdrv\brdrnone \rtlch\fcs1 \ab\af31507 \ltrch\fcs0 \b \tscfirstrow Colorful Shading Accent 4;}{\*\ts90\tsrowd\tscellcfpat0\tscellcbpat88\tscellpct0\tsbrdrt\brdrs\brdrw15\brdrcf22 \rtlch\fcs1 \ab\af31507 \ltrch\fcs0 \b\cf22 \tsclastrow 
Colorful Shading Accent 4;}{\*\ts90\tsrowd\tscellcfpat0\tscellcbpat88\tscellpct0\tsbrdrt\brdrnone \tsbrdrl\brdrnone \tsbrdrb\brdrnone \tsbrdrr\brdrnone \tsbrdrh\brdrs\brdrw10\brdrcf88 \tsbrdrv\brdrnone \rtlch\fcs1 \af31507 \ltrch\fcs0 \cf22 \tscfirstcol 
Colorful Shading Accent 4;}{\*\ts90\tsrowd\tscellcfpat0\tscellcbpat88\tscellpct0\tsbrdrt\brdrnone \tsbrdrl\brdrnone \tsbrdrb\brdrnone \tsbrdrr\brdrnone \tsbrdrh\brdrnone \tsbrdrv\brdrnone \rtlch\fcs1 \af31507 \ltrch\fcs0 \cf22 \tsclastcol 
Colorful Shading Accent 4;}{\*\ts90\tsrowd\tscellcfpat0\tscellcbpat52\tscellpct0 \rtlch\fcs1 \af31507 \ltrch\fcs0 \tscbandvertodd Colorful Shading Accent 4;}{\*\ts90\tsrowd\tscellcfpat0\tscellcbpat54\tscellpct0 \rtlch\fcs1 \af31507 \ltrch\fcs0 
\tscbandhorzodd Colorful Shading Accent 4;}{\*\ts90\tsrowd \rtlch\fcs1 \af31507 \ltrch\fcs0 \cf32 \tscnecell Colorful Shading Accent 4;}{\*\ts90\tsrowd \rtlch\fcs1 \af31507 \ltrch\fcs0 \cf32 \tscnwcell Colorful Shading Accent 4;}{\*\ts91\tsrowd\trbrdrt
\brdrs\brdrw60\brdrcf89 \trbrdrl\brdrs\brdrw10\brdrcf17 \trbrdrb\brdrs\brdrw10\brdrcf17 \trbrdrr\brdrs\brdrw10\brdrcf17 \trbrdrh\brdrs\brdrw10\brdrcf22 \trbrdrv\brdrs\brdrw10\brdrcf22 
\trftsWidthB3\trpaddl108\trpaddr108\trpaddfl3\trpaddft3\trpaddfb3\trpaddfr3\tscbandsh1\tscbandsv1\tblind0\tblindtype3\tsvertalt\tscellcbpat74\tsbrdrt\tsbrdrl\tsbrdrb\tsbrdrr\tsbrdrdgl\tsbrdrdgr\tsbrdrh\tsbrdrv 
\ql \li0\ri0\widctlpar\wrapdefault\aspalpha\aspnum\faauto\adjustright\rin0\lin0\itap0 \rtlch\fcs1 \af31507\afs22\alang1025 \ltrch\fcs0 \f31506\fs22\cf32\lang1033\langfe1033\cgrid\langnp1033\langfenp1033 
\sbasedon11 \snext91 \ssemihidden \sunhideused \spriority71 \styrsid15940483 Colorful Shading Accent 5;}{\*\ts91\tsrowd\tscellcfpat0\tscellcbpat22\tscellpct0\tsbrdrt\brdrnone \tsbrdrl\brdrnone \tsbrdrb\brdrs\brdrw60\brdrcf89 \tsbrdrr\brdrnone \tsbrdrh
\brdrnone \tsbrdrv\brdrnone \rtlch\fcs1 \ab\af31507 \ltrch\fcs0 \b \tscfirstrow Colorful Shading Accent 5;}{\*\ts91\tsrowd\tscellcfpat0\tscellcbpat90\tscellpct0\tsbrdrt\brdrs\brdrw15\brdrcf22 \rtlch\fcs1 \ab\af31507 \ltrch\fcs0 \b\cf22 \tsclastrow 
Colorful Shading Accent 5;}{\*\ts91\tsrowd\tscellcfpat0\tscellcbpat90\tscellpct0\tsbrdrt\brdrnone \tsbrdrl\brdrnone \tsbrdrb\brdrnone \tsbrdrr\brdrnone \tsbrdrh\brdrs\brdrw10\brdrcf90 \tsbrdrv\brdrnone \rtlch\fcs1 \af31507 \ltrch\fcs0 \cf22 \tscfirstcol 
Colorful Shading Accent 5;}{\*\ts91\tsrowd\tscellcfpat0\tscellcbpat90\tscellpct0\tsbrdrt\brdrnone \tsbrdrl\brdrnone \tsbrdrb\brdrnone \tsbrdrr\brdrnone \tsbrdrh\brdrnone \tsbrdrv\brdrnone \rtlch\fcs1 \af31507 \ltrch\fcs0 \cf22 \tsclastcol 
Colorful Shading Accent 5;}{\*\ts91\tsrowd\tscellcfpat0\tscellcbpat55\tscellpct0 \rtlch\fcs1 \af31507 \ltrch\fcs0 \tscbandvertodd Colorful Shading Accent 5;}{\*\ts91\tsrowd\tscellcfpat0\tscellcbpat57\tscellpct0 \rtlch\fcs1 \af31507 \ltrch\fcs0 
\tscbandhorzodd Colorful Shading Accent 5;}{\*\ts91\tsrowd \rtlch\fcs1 \af31507 \ltrch\fcs0 \cf32 \tscnecell Colorful Shading Accent 5;}{\*\ts91\tsrowd \rtlch\fcs1 \af31507 \ltrch\fcs0 \cf32 \tscnwcell Colorful Shading Accent 5;}{\*\ts92\tsrowd\trbrdrt
\brdrs\brdrw60\brdrcf17 \trbrdrl\brdrs\brdrw10\brdrcf89 \trbrdrb\brdrs\brdrw10\brdrcf89 \trbrdrr\brdrs\brdrw10\brdrcf89 \trbrdrh\brdrs\brdrw10\brdrcf22 \trbrdrv\brdrs\brdrw10\brdrcf22 
\trftsWidthB3\trpaddl108\trpaddr108\trpaddfl3\trpaddft3\trpaddfb3\trpaddfr3\tscbandsh1\tscbandsv1\tblind0\tblindtype3\tsvertalt\tscellcbpat77\tsbrdrt\tsbrdrl\tsbrdrb\tsbrdrr\tsbrdrdgl\tsbrdrdgr\tsbrdrh\tsbrdrv 
\ql \li0\ri0\widctlpar\wrapdefault\aspalpha\aspnum\faauto\adjustright\rin0\lin0\itap0 \rtlch\fcs1 \af31507\afs22\alang1025 \ltrch\fcs0 \f31506\fs22\cf32\lang1033\langfe1033\cgrid\langnp1033\langfenp1033 
\sbasedon11 \snext92 \ssemihidden \sunhideused \spriority71 \styrsid15940483 Colorful Shading Accent 6;}{\*\ts92\tsrowd\tscellcfpat0\tscellcbpat22\tscellpct0\tsbrdrt\brdrnone \tsbrdrl\brdrnone \tsbrdrb\brdrs\brdrw60\brdrcf17 \tsbrdrr\brdrnone \tsbrdrh
\brdrnone \tsbrdrv\brdrnone \rtlch\fcs1 \ab\af31507 \ltrch\fcs0 \b \tscfirstrow Colorful Shading Accent 6;}{\*\ts92\tsrowd\tscellcfpat0\tscellcbpat91\tscellpct0\tsbrdrt\brdrs\brdrw15\brdrcf22 \rtlch\fcs1 \ab\af31507 \ltrch\fcs0 \b\cf22 \tsclastrow 
Colorful Shading Accent 6;}{\*\ts92\tsrowd\tscellcfpat0\tscellcbpat91\tscellpct0\tsbrdrt\brdrnone \tsbrdrl\brdrnone \tsbrdrb\brdrnone \tsbrdrr\brdrnone \tsbrdrh\brdrs\brdrw10\brdrcf91 \tsbrdrv\brdrnone \rtlch\fcs1 \af31507 \ltrch\fcs0 \cf22 \tscfirstcol 
Colorful Shading Accent 6;}{\*\ts92\tsrowd\tscellcfpat0\tscellcbpat91\tscellpct0\tsbrdrt\brdrnone \tsbrdrl\brdrnone \tsbrdrb\brdrnone \tsbrdrr\brdrnone \tsbrdrh\brdrnone \tsbrdrv\brdrnone \rtlch\fcs1 \af31507 \ltrch\fcs0 \cf22 \tsclastcol 
Colorful Shading Accent 6;}{\*\ts92\tsrowd\tscellcfpat0\tscellcbpat29\tscellpct0 \rtlch\fcs1 \af31507 \ltrch\fcs0 \tscbandvertodd Colorful Shading Accent 6;}{\*\ts92\tsrowd\tscellcfpat0\tscellcbpat60\tscellpct0 \rtlch\fcs1 \af31507 \ltrch\fcs0 
\tscbandhorzodd Colorful Shading Accent 6;}{\*\ts92\tsrowd \rtlch\fcs1 \af31507 \ltrch\fcs0 \cf32 \tscnecell Colorful Shading Accent 6;}{\*\ts92\tsrowd \rtlch\fcs1 \af31507 \ltrch\fcs0 \cf32 \tscnwcell Colorful Shading Accent 6;}{\*
\ts93\tsrowd\trftsWidthB3\trpaddl108\trpaddr108\trpaddfl3\trpaddft3\trpaddfb3\trpaddfr3\tscbandsh1\tscbandsv1\tblind0\tblindtype3\tsvertalt\tscellcbpat32\tsbrdrt\tsbrdrl\tsbrdrb\tsbrdrr\tsbrdrdgl\tsbrdrdgr\tsbrdrh\tsbrdrv 
\ql \li0\ri0\widctlpar\wrapdefault\aspalpha\aspnum\faauto\adjustright\rin0\lin0\itap0 \rtlch\fcs1 \af31507\afs22\alang1025 \ltrch\fcs0 \f31506\fs22\cf22\lang1033\langfe1033\cgrid\langnp1033\langfenp1033 
\sbasedon11 \snext93 \ssemihidden \sunhideused \spriority70 \styrsid15940483 Dark List;}{\*\ts93\tsrowd\tscellcfpat0\tscellcbpat32\tscellpct0\tsbrdrt\brdrnone \tsbrdrl\brdrnone \tsbrdrb\brdrs\brdrw45\brdrcf22 \tsbrdrr\brdrnone \tsbrdrh\brdrnone \tsbrdrv
\brdrnone \rtlch\fcs1 \ab\af31507 \ltrch\fcs0 \b \tscfirstrow Dark List;}{\*\ts93\tsrowd\tscellcfpat0\tscellcbpat92\tscellpct0\tsbrdrt\brdrs\brdrw45\brdrcf22 \tsbrdrl\brdrnone \tsbrdrb\brdrnone \tsbrdrr\brdrnone \tsbrdrh\brdrnone \tsbrdrv\brdrnone 
\rtlch\fcs1 \af31507 \ltrch\fcs0 \tsclastrow Dark List;}{\*\ts93\tsrowd\tscellcfpat0\tscellcbpat39\tscellpct0\tsbrdrt\brdrnone \tsbrdrl\brdrnone \tsbrdrb\brdrnone \tsbrdrr\brdrs\brdrw45\brdrcf22 \tsbrdrh\brdrnone \tsbrdrv\brdrnone \rtlch\fcs1 \af31507 
\ltrch\fcs0 \tscfirstcol Dark List;}{\*\ts93\tsrowd\tscellcfpat0\tscellcbpat39\tscellpct0\tsbrdrt\brdrnone \tsbrdrl\brdrs\brdrw45\brdrcf22 \tsbrdrb\brdrnone \tsbrdrr\brdrnone \tsbrdrh\brdrnone \tsbrdrv\brdrnone \rtlch\fcs1 \af31507 \ltrch\fcs0 
\tsclastcol Dark List;}{\*\ts93\tsrowd\tscellcfpat0\tscellcbpat39\tscellpct0\tsbrdrt\brdrnone \tsbrdrl\brdrnone \tsbrdrb\brdrnone \tsbrdrr\brdrnone \tsbrdrh\brdrnone \tsbrdrv\brdrnone \rtlch\fcs1 \af31507 \ltrch\fcs0 \tscbandvertodd Dark List;}{\*
\ts93\tsrowd\tscellcfpat0\tscellcbpat39\tscellpct0\tsbrdrt\brdrnone \tsbrdrl\brdrnone \tsbrdrb\brdrnone \tsbrdrr\brdrnone \tsbrdrh\brdrnone \tsbrdrv\brdrnone \rtlch\fcs1 \af31507 \ltrch\fcs0 \tscbandhorzodd Dark List;}{\*
\ts94\tsrowd\trftsWidthB3\trpaddl108\trpaddr108\trpaddfl3\trpaddft3\trpaddfb3\trpaddfr3\tscbandsh1\tscbandsv1\tblind0\tblindtype3\tsvertalt\tscellcbpat82\tsbrdrt\tsbrdrl\tsbrdrb\tsbrdrr\tsbrdrdgl\tsbrdrdgr\tsbrdrh\tsbrdrv 
\ql \li0\ri0\widctlpar\wrapdefault\aspalpha\aspnum\faauto\adjustright\rin0\lin0\itap0 \rtlch\fcs1 \af31507\afs22\alang1025 \ltrch\fcs0 \f31506\fs22\cf22\lang1033\langfe1033\cgrid\langnp1033\langfenp1033 
\sbasedon11 \snext94 \ssemihidden \sunhideused \spriority70 \styrsid15940483 Dark List Accent 1;}{\*\ts94\tsrowd\tscellcfpat0\tscellcbpat32\tscellpct0\tsbrdrt\brdrnone \tsbrdrl\brdrnone \tsbrdrb\brdrs\brdrw45\brdrcf22 \tsbrdrr\brdrnone \tsbrdrh\brdrnone 
\tsbrdrv\brdrnone \rtlch\fcs1 \ab\af31507 \ltrch\fcs0 \b \tscfirstrow Dark List Accent 1;}{\*\ts94\tsrowd\tscellcfpat0\tscellcbpat20\tscellpct0\tsbrdrt\brdrs\brdrw45\brdrcf22 \tsbrdrl\brdrnone \tsbrdrb\brdrnone \tsbrdrr\brdrnone \tsbrdrh\brdrnone \tsbrdrv
\brdrnone \rtlch\fcs1 \af31507 \ltrch\fcs0 \tsclastrow Dark List Accent 1;}{\*\ts94\tsrowd\tscellcfpat0\tscellcbpat42\tscellpct0\tsbrdrt\brdrnone \tsbrdrl\brdrnone \tsbrdrb\brdrnone \tsbrdrr\brdrs\brdrw45\brdrcf22 \tsbrdrh\brdrnone \tsbrdrv\brdrnone 
\rtlch\fcs1 \af31507 \ltrch\fcs0 \tscfirstcol Dark List Accent 1;}{\*\ts94\tsrowd\tscellcfpat0\tscellcbpat42\tscellpct0\tsbrdrt\brdrnone \tsbrdrl\brdrs\brdrw45\brdrcf22 \tsbrdrb\brdrnone \tsbrdrr\brdrnone \tsbrdrh\brdrnone \tsbrdrv\brdrnone \rtlch\fcs1 
\af31507 \ltrch\fcs0 \tsclastcol Dark List Accent 1;}{\*\ts94\tsrowd\tscellcfpat0\tscellcbpat42\tscellpct0\tsbrdrt\brdrnone \tsbrdrl\brdrnone \tsbrdrb\brdrnone \tsbrdrr\brdrnone \tsbrdrh\brdrnone \tsbrdrv\brdrnone \rtlch\fcs1 \af31507 \ltrch\fcs0 
\tscbandvertodd Dark List Accent 1;}{\*\ts94\tsrowd\tscellcfpat0\tscellcbpat42\tscellpct0\tsbrdrt\brdrnone \tsbrdrl\brdrnone \tsbrdrb\brdrnone \tsbrdrr\brdrnone \tsbrdrh\brdrnone \tsbrdrv\brdrnone \rtlch\fcs1 \af31507 \ltrch\fcs0 \tscbandhorzodd 
Dark List Accent 1;}{\*\ts95\tsrowd\trftsWidthB3\trpaddl108\trpaddr108\trpaddfl3\trpaddft3\trpaddfb3\trpaddfr3\tscbandsh1\tscbandsv1\tblind0\tblindtype3\tsvertalt\tscellcbpat80\tsbrdrt\tsbrdrl\tsbrdrb\tsbrdrr\tsbrdrdgl\tsbrdrdgr\tsbrdrh\tsbrdrv 
\ql \li0\ri0\widctlpar\wrapdefault\aspalpha\aspnum\faauto\adjustright\rin0\lin0\itap0 \rtlch\fcs1 \af31507\afs22\alang1025 \ltrch\fcs0 \f31506\fs22\cf22\lang1033\langfe1033\cgrid\langnp1033\langfenp1033 
\sbasedon11 \snext95 \ssemihidden \sunhideused \spriority70 \styrsid15940483 Dark List Accent 2;}{\*\ts95\tsrowd\tscellcfpat0\tscellcbpat32\tscellpct0\tsbrdrt\brdrnone \tsbrdrl\brdrnone \tsbrdrb\brdrs\brdrw45\brdrcf22 \tsbrdrr\brdrnone \tsbrdrh\brdrnone 
\tsbrdrv\brdrnone \rtlch\fcs1 \ab\af31507 \ltrch\fcs0 \b \tscfirstrow Dark List Accent 2;}{\*\ts95\tsrowd\tscellcfpat0\tscellcbpat93\tscellpct0\tsbrdrt\brdrs\brdrw45\brdrcf22 \tsbrdrl\brdrnone \tsbrdrb\brdrnone \tsbrdrr\brdrnone \tsbrdrh\brdrnone \tsbrdrv
\brdrnone \rtlch\fcs1 \af31507 \ltrch\fcs0 \tsclastrow Dark List Accent 2;}{\*\ts95\tsrowd\tscellcfpat0\tscellcbpat36\tscellpct0\tsbrdrt\brdrnone \tsbrdrl\brdrnone \tsbrdrb\brdrnone \tsbrdrr\brdrs\brdrw45\brdrcf22 \tsbrdrh\brdrnone \tsbrdrv\brdrnone 
\rtlch\fcs1 \af31507 \ltrch\fcs0 \tscfirstcol Dark List Accent 2;}{\*\ts95\tsrowd\tscellcfpat0\tscellcbpat36\tscellpct0\tsbrdrt\brdrnone \tsbrdrl\brdrs\brdrw45\brdrcf22 \tsbrdrb\brdrnone \tsbrdrr\brdrnone \tsbrdrh\brdrnone \tsbrdrv\brdrnone \rtlch\fcs1 
\af31507 \ltrch\fcs0 \tsclastcol Dark List Accent 2;}{\*\ts95\tsrowd\tscellcfpat0\tscellcbpat36\tscellpct0\tsbrdrt\brdrnone \tsbrdrl\brdrnone \tsbrdrb\brdrnone \tsbrdrr\brdrnone \tsbrdrh\brdrnone \tsbrdrv\brdrnone \rtlch\fcs1 \af31507 \ltrch\fcs0 
\tscbandvertodd Dark List Accent 2;}{\*\ts95\tsrowd\tscellcfpat0\tscellcbpat36\tscellpct0\tsbrdrt\brdrnone \tsbrdrl\brdrnone \tsbrdrb\brdrnone \tsbrdrr\brdrnone \tsbrdrh\brdrnone \tsbrdrv\brdrnone \rtlch\fcs1 \af31507 \ltrch\fcs0 \tscbandhorzodd 
Dark List Accent 2;}{\*\ts96\tsrowd\trftsWidthB3\trpaddl108\trpaddr108\trpaddfl3\trpaddft3\trpaddfb3\trpaddfr3\tscbandsh1\tscbandsv1\tblind0\tblindtype3\tsvertalt\tscellcbpat86\tsbrdrt\tsbrdrl\tsbrdrb\tsbrdrr\tsbrdrdgl\tsbrdrdgr\tsbrdrh\tsbrdrv 
\ql \li0\ri0\widctlpar\wrapdefault\aspalpha\aspnum\faauto\adjustright\rin0\lin0\itap0 \rtlch\fcs1 \af31507\afs22\alang1025 \ltrch\fcs0 \f31506\fs22\cf22\lang1033\langfe1033\cgrid\langnp1033\langfenp1033 
\sbasedon11 \snext96 \ssemihidden \sunhideused \spriority70 \styrsid15940483 Dark List Accent 3;}{\*\ts96\tsrowd\tscellcfpat0\tscellcbpat32\tscellpct0\tsbrdrt\brdrnone \tsbrdrl\brdrnone \tsbrdrb\brdrs\brdrw45\brdrcf22 \tsbrdrr\brdrnone \tsbrdrh\brdrnone 
\tsbrdrv\brdrnone \rtlch\fcs1 \ab\af31507 \ltrch\fcs0 \b \tscfirstrow Dark List Accent 3;}{\*\ts96\tsrowd\tscellcfpat0\tscellcbpat94\tscellpct0\tsbrdrt\brdrs\brdrw45\brdrcf22 \tsbrdrl\brdrnone \tsbrdrb\brdrnone \tsbrdrr\brdrnone \tsbrdrh\brdrnone \tsbrdrv
\brdrnone \rtlch\fcs1 \af31507 \ltrch\fcs0 \tsclastrow Dark List Accent 3;}{\*\ts96\tsrowd\tscellcfpat0\tscellcbpat49\tscellpct0\tsbrdrt\brdrnone \tsbrdrl\brdrnone \tsbrdrb\brdrnone \tsbrdrr\brdrs\brdrw45\brdrcf22 \tsbrdrh\brdrnone \tsbrdrv\brdrnone 
\rtlch\fcs1 \af31507 \ltrch\fcs0 \tscfirstcol Dark List Accent 3;}{\*\ts96\tsrowd\tscellcfpat0\tscellcbpat49\tscellpct0\tsbrdrt\brdrnone \tsbrdrl\brdrs\brdrw45\brdrcf22 \tsbrdrb\brdrnone \tsbrdrr\brdrnone \tsbrdrh\brdrnone \tsbrdrv\brdrnone \rtlch\fcs1 
\af31507 \ltrch\fcs0 \tsclastcol Dark List Accent 3;}{\*\ts96\tsrowd\tscellcfpat0\tscellcbpat49\tscellpct0\tsbrdrt\brdrnone \tsbrdrl\brdrnone \tsbrdrb\brdrnone \tsbrdrr\brdrnone \tsbrdrh\brdrnone \tsbrdrv\brdrnone \rtlch\fcs1 \af31507 \ltrch\fcs0 
\tscbandvertodd Dark List Accent 3;}{\*\ts96\tsrowd\tscellcfpat0\tscellcbpat49\tscellpct0\tsbrdrt\brdrnone \tsbrdrl\brdrnone \tsbrdrb\brdrnone \tsbrdrr\brdrnone \tsbrdrh\brdrnone \tsbrdrv\brdrnone \rtlch\fcs1 \af31507 \ltrch\fcs0 \tscbandhorzodd 
Dark List Accent 3;}{\*\ts97\tsrowd\trftsWidthB3\trpaddl108\trpaddr108\trpaddfl3\trpaddft3\trpaddfb3\trpaddfr3\tscbandsh1\tscbandsv1\tblind0\tblindtype3\tsvertalt\tscellcbpat85\tsbrdrt\tsbrdrl\tsbrdrb\tsbrdrr\tsbrdrdgl\tsbrdrdgr\tsbrdrh\tsbrdrv 
\ql \li0\ri0\widctlpar\wrapdefault\aspalpha\aspnum\faauto\adjustright\rin0\lin0\itap0 \rtlch\fcs1 \af31507\afs22\alang1025 \ltrch\fcs0 \f31506\fs22\cf22\lang1033\langfe1033\cgrid\langnp1033\langfenp1033 
\sbasedon11 \snext97 \ssemihidden \sunhideused \spriority70 \styrsid15940483 Dark List Accent 4;}{\*\ts97\tsrowd\tscellcfpat0\tscellcbpat32\tscellpct0\tsbrdrt\brdrnone \tsbrdrl\brdrnone \tsbrdrb\brdrs\brdrw45\brdrcf22 \tsbrdrr\brdrnone \tsbrdrh\brdrnone 
\tsbrdrv\brdrnone \rtlch\fcs1 \ab\af31507 \ltrch\fcs0 \b \tscfirstrow Dark List Accent 4;}{\*\ts97\tsrowd\tscellcfpat0\tscellcbpat95\tscellpct0\tsbrdrt\brdrs\brdrw45\brdrcf22 \tsbrdrl\brdrnone \tsbrdrb\brdrnone \tsbrdrr\brdrnone \tsbrdrh\brdrnone \tsbrdrv
\brdrnone \rtlch\fcs1 \af31507 \ltrch\fcs0 \tsclastrow Dark List Accent 4;}{\*\ts97\tsrowd\tscellcfpat0\tscellcbpat53\tscellpct0\tsbrdrt\brdrnone \tsbrdrl\brdrnone \tsbrdrb\brdrnone \tsbrdrr\brdrs\brdrw45\brdrcf22 \tsbrdrh\brdrnone \tsbrdrv\brdrnone 
\rtlch\fcs1 \af31507 \ltrch\fcs0 \tscfirstcol Dark List Accent 4;}{\*\ts97\tsrowd\tscellcfpat0\tscellcbpat53\tscellpct0\tsbrdrt\brdrnone \tsbrdrl\brdrs\brdrw45\brdrcf22 \tsbrdrb\brdrnone \tsbrdrr\brdrnone \tsbrdrh\brdrnone \tsbrdrv\brdrnone \rtlch\fcs1 
\af31507 \ltrch\fcs0 \tsclastcol Dark List Accent 4;}{\*\ts97\tsrowd\tscellcfpat0\tscellcbpat53\tscellpct0\tsbrdrt\brdrnone \tsbrdrl\brdrnone \tsbrdrb\brdrnone \tsbrdrr\brdrnone \tsbrdrh\brdrnone \tsbrdrv\brdrnone \rtlch\fcs1 \af31507 \ltrch\fcs0 
\tscbandvertodd Dark List Accent 4;}{\*\ts97\tsrowd\tscellcfpat0\tscellcbpat53\tscellpct0\tsbrdrt\brdrnone \tsbrdrl\brdrnone \tsbrdrb\brdrnone \tsbrdrr\brdrnone \tsbrdrh\brdrnone \tsbrdrv\brdrnone \rtlch\fcs1 \af31507 \ltrch\fcs0 \tscbandhorzodd 
Dark List Accent 4;}{\*\ts98\tsrowd\trftsWidthB3\trpaddl108\trpaddr108\trpaddfl3\trpaddft3\trpaddfb3\trpaddfr3\tscbandsh1\tscbandsv1\tblind0\tblindtype3\tsvertalt\tscellcbpat17\tsbrdrt\tsbrdrl\tsbrdrb\tsbrdrr\tsbrdrdgl\tsbrdrdgr\tsbrdrh\tsbrdrv 
\ql \li0\ri0\widctlpar\wrapdefault\aspalpha\aspnum\faauto\adjustright\rin0\lin0\itap0 \rtlch\fcs1 \af31507\afs22\alang1025 \ltrch\fcs0 \f31506\fs22\cf22\lang1033\langfe1033\cgrid\langnp1033\langfenp1033 
\sbasedon11 \snext98 \ssemihidden \sunhideused \spriority70 \styrsid15940483 Dark List Accent 5;}{\*\ts98\tsrowd\tscellcfpat0\tscellcbpat32\tscellpct0\tsbrdrt\brdrnone \tsbrdrl\brdrnone \tsbrdrb\brdrs\brdrw45\brdrcf22 \tsbrdrr\brdrnone \tsbrdrh\brdrnone 
\tsbrdrv\brdrnone \rtlch\fcs1 \ab\af31507 \ltrch\fcs0 \b \tscfirstrow Dark List Accent 5;}{\*\ts98\tsrowd\tscellcfpat0\tscellcbpat96\tscellpct0\tsbrdrt\brdrs\brdrw45\brdrcf22 \tsbrdrl\brdrnone \tsbrdrb\brdrnone \tsbrdrr\brdrnone \tsbrdrh\brdrnone \tsbrdrv
\brdrnone \rtlch\fcs1 \af31507 \ltrch\fcs0 \tsclastrow Dark List Accent 5;}{\*\ts98\tsrowd\tscellcfpat0\tscellcbpat56\tscellpct0\tsbrdrt\brdrnone \tsbrdrl\brdrnone \tsbrdrb\brdrnone \tsbrdrr\brdrs\brdrw45\brdrcf22 \tsbrdrh\brdrnone \tsbrdrv\brdrnone 
\rtlch\fcs1 \af31507 \ltrch\fcs0 \tscfirstcol Dark List Accent 5;}{\*\ts98\tsrowd\tscellcfpat0\tscellcbpat56\tscellpct0\tsbrdrt\brdrnone \tsbrdrl\brdrs\brdrw45\brdrcf22 \tsbrdrb\brdrnone \tsbrdrr\brdrnone \tsbrdrh\brdrnone \tsbrdrv\brdrnone \rtlch\fcs1 
\af31507 \ltrch\fcs0 \tsclastcol Dark List Accent 5;}{\*\ts98\tsrowd\tscellcfpat0\tscellcbpat56\tscellpct0\tsbrdrt\brdrnone \tsbrdrl\brdrnone \tsbrdrb\brdrnone \tsbrdrr\brdrnone \tsbrdrh\brdrnone \tsbrdrv\brdrnone \rtlch\fcs1 \af31507 \ltrch\fcs0 
\tscbandvertodd Dark List Accent 5;}{\*\ts98\tsrowd\tscellcfpat0\tscellcbpat56\tscellpct0\tsbrdrt\brdrnone \tsbrdrl\brdrnone \tsbrdrb\brdrnone \tsbrdrr\brdrnone \tsbrdrh\brdrnone \tsbrdrv\brdrnone \rtlch\fcs1 \af31507 \ltrch\fcs0 \tscbandhorzodd 
Dark List Accent 5;}{\*\ts99\tsrowd\trftsWidthB3\trpaddl108\trpaddr108\trpaddfl3\trpaddft3\trpaddfb3\trpaddfr3\tscbandsh1\tscbandsv1\tblind0\tblindtype3\tsvertalt\tscellcbpat89\tsbrdrt\tsbrdrl\tsbrdrb\tsbrdrr\tsbrdrdgl\tsbrdrdgr\tsbrdrh\tsbrdrv 
\ql \li0\ri0\widctlpar\wrapdefault\aspalpha\aspnum\faauto\adjustright\rin0\lin0\itap0 \rtlch\fcs1 \af31507\afs22\alang1025 \ltrch\fcs0 \f31506\fs22\cf22\lang1033\langfe1033\cgrid\langnp1033\langfenp1033 
\sbasedon11 \snext99 \ssemihidden \sunhideused \spriority70 \styrsid15940483 Dark List Accent 6;}{\*\ts99\tsrowd\tscellcfpat0\tscellcbpat32\tscellpct0\tsbrdrt\brdrnone \tsbrdrl\brdrnone \tsbrdrb\brdrs\brdrw45\brdrcf22 \tsbrdrr\brdrnone \tsbrdrh\brdrnone 
\tsbrdrv\brdrnone \rtlch\fcs1 \ab\af31507 \ltrch\fcs0 \b \tscfirstrow Dark List Accent 6;}{\*\ts99\tsrowd\tscellcfpat0\tscellcbpat97\tscellpct0\tsbrdrt\brdrs\brdrw45\brdrcf22 \tsbrdrl\brdrnone \tsbrdrb\brdrnone \tsbrdrr\brdrnone \tsbrdrh\brdrnone \tsbrdrv
\brdrnone \rtlch\fcs1 \af31507 \ltrch\fcs0 \tsclastrow Dark List Accent 6;}{\*\ts99\tsrowd\tscellcfpat0\tscellcbpat59\tscellpct0\tsbrdrt\brdrnone \tsbrdrl\brdrnone \tsbrdrb\brdrnone \tsbrdrr\brdrs\brdrw45\brdrcf22 \tsbrdrh\brdrnone \tsbrdrv\brdrnone 
\rtlch\fcs1 \af31507 \ltrch\fcs0 \tscfirstcol Dark List Accent 6;}{\*\ts99\tsrowd\tscellcfpat0\tscellcbpat59\tscellpct0\tsbrdrt\brdrnone \tsbrdrl\brdrs\brdrw45\brdrcf22 \tsbrdrb\brdrnone \tsbrdrr\brdrnone \tsbrdrh\brdrnone \tsbrdrv\brdrnone \rtlch\fcs1 
\af31507 \ltrch\fcs0 \tsclastcol Dark List Accent 6;}{\*\ts99\tsrowd\tscellcfpat0\tscellcbpat59\tscellpct0\tsbrdrt\brdrnone \tsbrdrl\brdrnone \tsbrdrb\brdrnone \tsbrdrr\brdrnone \tsbrdrh\brdrnone \tsbrdrv\brdrnone \rtlch\fcs1 \af31507 \ltrch\fcs0 
\tscbandvertodd Dark List Accent 6;}{\*\ts99\tsrowd\tscellcfpat0\tscellcbpat59\tscellpct0\tsbrdrt\brdrnone \tsbrdrl\brdrnone \tsbrdrb\brdrnone \tsbrdrr\brdrnone \tsbrdrh\brdrnone \tsbrdrv\brdrnone \rtlch\fcs1 \af31507 \ltrch\fcs0 \tscbandhorzodd 
Dark List Accent 6;}{\s100\ql \li0\ri0\sb160\sl259\slmult1\widctlpar\wrapdefault\aspalpha\aspnum\faauto\adjustright\rin0\lin0\itap0 \rtlch\fcs1 \af31507\afs22\alang1025 \ltrch\fcs0 \f31506\fs22\lang1033\langfe1033\cgrid\langnp1033\langfenp1033 
\sbasedon0 \snext0 \slink101 \ssemihidden \sunhideused \styrsid15940483 Date;}{\*\cs101 \additive \rtlch\fcs1 \af0 \ltrch\fcs0 \sbasedon10 \slink100 \slocked \ssemihidden \styrsid15940483 Date Char;}{
\s102\ql \li0\ri0\widctlpar\wrapdefault\aspalpha\aspnum\faauto\adjustright\rin0\lin0\itap0 \rtlch\fcs1 \af40\afs16\alang1025 \ltrch\fcs0 \f40\fs22\lang1033\langfe1033\cgrid\langnp1033\langfenp1033 
\sbasedon0 \snext102 \slink103 \ssemihidden \sunhideused \styrsid15940483 Document Map;}{\*\cs103 \additive \rtlch\fcs1 \af40\afs16 \ltrch\fcs0 \f40\fs16 \sbasedon10 \slink102 \slocked \ssemihidden \styrsid15940483 Document Map Char;}{
\s104\ql \li0\ri0\widctlpar\wrapdefault\aspalpha\aspnum\faauto\adjustright\rin0\lin0\itap0 \rtlch\fcs1 \af31507\afs22\alang1025 \ltrch\fcs0 \f31506\fs22\lang1033\langfe1033\cgrid\langnp1033\langfenp1033 
\sbasedon0 \snext104 \slink105 \ssemihidden \sunhideused \styrsid15940483 E-mail Signature;}{\*\cs105 \additive \rtlch\fcs1 \af0 \ltrch\fcs0 \sbasedon10 \slink104 \slocked \ssemihidden \styrsid15940483 E-mail Signature Char;}{\*\cs106 \additive 
\rtlch\fcs1 \af0 \ltrch\fcs0 \super \sbasedon10 \ssemihidden \sunhideused \styrsid15940483 endnote reference;}{\s107\ql \li0\ri0\widctlpar\wrapdefault\aspalpha\aspnum\faauto\adjustright\rin0\lin0\itap0 \rtlch\fcs1 \af31507\afs20\alang1025 \ltrch\fcs0 
\f31506\fs22\lang1033\langfe1033\cgrid\langnp1033\langfenp1033 \sbasedon0 \snext107 \slink108 \ssemihidden \sunhideused \styrsid15940483 endnote text;}{\*\cs108 \additive \rtlch\fcs1 \af0\afs20 \ltrch\fcs0 \fs20 
\sbasedon10 \slink107 \slocked \ssemihidden \styrsid15940483 Endnote Text Char;}{\s109\ql \li2880\ri0\widctlpar\phpg\posxc\posyb\absh-1980\absw7920\dxfrtext180\dfrmtxtx180\dfrmtxty0\wrapdefault\aspalpha\aspnum\faauto\adjustright\rin0\lin2880\itap0 
\rtlch\fcs1 \af31503\afs24\alang1025 \ltrch\fcs0 \fs24\lang1033\langfe1033\loch\f31502\hich\af31502\dbch\af31501\cgrid\langnp1033\langfenp1033 \sbasedon0 \snext109 \ssemihidden \sunhideused \styrsid15940483 envelope address;}{
\s110\ql \li0\ri0\widctlpar\wrapdefault\aspalpha\aspnum\faauto\adjustright\rin0\lin0\itap0 \rtlch\fcs1 \af31503\afs20\alang1025 \ltrch\fcs0 \fs22\lang1033\langfe1033\loch\f31502\hich\af31502\dbch\af31501\cgrid\langnp1033\langfenp1033 
\sbasedon0 \snext110 \ssemihidden \sunhideused \styrsid15940483 envelope return;}{\*\cs111 \additive \rtlch\fcs1 \af0 \ltrch\fcs0 \super \sbasedon10 \ssemihidden \sunhideused \styrsid15940483 footnote reference;}{
\s112\ql \li0\ri0\widctlpar\wrapdefault\aspalpha\aspnum\faauto\adjustright\rin0\lin0\itap0 \rtlch\fcs1 \af31507\afs20\alang1025 \ltrch\fcs0 \f31506\fs22\lang1033\langfe1033\cgrid\langnp1033\langfenp1033 
\sbasedon0 \snext112 \slink113 \ssemihidden \sunhideused \styrsid15940483 footnote text;}{\*\cs113 \additive \rtlch\fcs1 \af0\afs20 \ltrch\fcs0 \fs20 \sbasedon10 \slink112 \slocked \ssemihidden \styrsid15940483 Footnote Text Char;}{\*\ts114\tsrowd\trbrdrt
\brdrs\brdrw10\brdrcf45 \trbrdrl\brdrs\brdrw10\brdrcf45 \trbrdrb\brdrs\brdrw10\brdrcf45 \trbrdrr\brdrs\brdrw10\brdrcf45 \trbrdrh\brdrs\brdrw10\brdrcf45 \trbrdrv\brdrs\brdrw10\brdrcf4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4 \spriority46 \styrsid15940483 Grid Table 1 Light Accent 2;}{\*\ts114\tsrowd\tsbrdrb\brdrs\brdrw30\brdrcf98 \rtlch\fcs1 \ab\af31507 \ltrch\fcs0 \b \tscfirstrow Grid Table 1 Light Accent 2;}{\*\ts114\tsrowd\tsbrdrt
\brdrdb\brdrw5\brdrcf98 \rtlch\fcs1 \ab\af31507 \ltrch\fcs0 \b \tsclastrow Grid Table 1 Light Accent 2;}{\*\ts114\tsrowd \rtlch\fcs1 \ab\af31507 \ltrch\fcs0 \b \tscfirstcol Grid Table 1 Light Accent 2;}{\*\ts114\tsrowd \rtlch\fcs1 \ab\af31507 \ltrch\fcs0 
\b \tsclastcol Grid Table 1 Light Accent 2;}{\*\ts115\tsrowd\trbrdrt\brdrs\brdrw10\brdrcf48 \trbrdrl\brdrs\brdrw10\brdrcf48 \trbrdrb\brdrs\brdrw10\brdrcf48 \trbrdrr\brdrs\brdrw10\brdrcf48 \trbrdrh\brdrs\brdrw10\brdrcf48 \trbrdrv\brdrs\brdrw10\brdrcf4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5 \spriority46 \styrsid15940483 Grid Table 1 Light Accent 3;}{\*\ts115\tsrowd\tsbrdrb\brdrs\brdrw30\brdrcf99 \rtlch\fcs1 \ab\af31507 \ltrch\fcs0 \b \tscfirstrow Grid Table 1 Light Accent 3;}{\*\ts115\tsrowd\tsbrdrt
\brdrdb\brdrw5\brdrcf99 \rtlch\fcs1 \ab\af31507 \ltrch\fcs0 \b \tsclastrow Grid Table 1 Light Accent 3;}{\*\ts115\tsrowd \rtlch\fcs1 \ab\af31507 \ltrch\fcs0 \b \tscfirstcol Grid Table 1 Light Accent 3;}{\*\ts115\tsrowd \rtlch\fcs1 \ab\af31507 \ltrch\fcs0 
\b \tsclastcol Grid Table 1 Light Accent 3;}{\*\ts116\tsrowd\trbrdrt\brdrs\brdrw10\brdrcf52 \trbrdrl\brdrs\brdrw10\brdrcf52 \trbrdrb\brdrs\brdrw10\brdrcf52 \trbrdrr\brdrs\brdrw10\brdrcf52 \trbrdrh\brdrs\brdrw10\brdrcf52 \trbrdrv\brdrs\brdrw10\brdrcf52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6 \spriority46 \styrsid15940483 Grid Table 1 Light Accent 4;}{\*\ts116\tsrowd\tsbrdrb\brdrs\brdrw30\brdrcf100 \rtlch\fcs1 \ab\af31507 \ltrch\fcs0 \b \tscfirstrow Grid Table 1 Light Accent 4;}{\*\ts116\tsrowd\tsbrdrt
\brdrdb\brdrw5\brdrcf100 \rtlch\fcs1 \ab\af31507 \ltrch\fcs0 \b \tsclastrow Grid Table 1 Light Accent 4;}{\*\ts116\tsrowd \rtlch\fcs1 \ab\af31507 \ltrch\fcs0 \b \tscfirstcol Grid Table 1 Light Accent 4;}{\*\ts116\tsrowd \rtlch\fcs1 \ab\af31507 
\ltrch\fcs0 \b \tsclastcol Grid Table 1 Light Accent 4;}{\*\ts117\tsrowd\trbrdrt\brdrs\brdrw10\brdrcf55 \trbrdrl\brdrs\brdrw10\brdrcf55 \trbrdrb\brdrs\brdrw10\brdrcf55 \trbrdrr\brdrs\brdrw10\brdrcf55 \trbrdrh\brdrs\brdrw10\brdrcf55 \trbrdrv
\brdrs\brdrw10\brdrcf5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7 \spriority46 \styrsid15940483 Grid Table 1 Light Accent 5;}{\*\ts117\tsrowd\tsbrdrb\brdrs\brdrw30\brdrcf26 \rtlch\fcs1 \ab\af31507 \ltrch\fcs0 \b \tscfirstrow Grid Table 1 Light Accent 5;}{\*\ts117\tsrowd\tsbrdrt
\brdrdb\brdrw5\brdrcf26 \rtlch\fcs1 \ab\af31507 \ltrch\fcs0 \b \tsclastrow Grid Table 1 Light Accent 5;}{\*\ts117\tsrowd \rtlch\fcs1 \ab\af31507 \ltrch\fcs0 \b \tscfirstcol Grid Table 1 Light Accent 5;}{\*\ts117\tsrowd \rtlch\fcs1 \ab\af31507 \ltrch\fcs0 
\b \tsclastcol Grid Table 1 Light Accent 5;}{\*\ts118\tsrowd\trbrdrt\brdrs\brdrw5\brdrcf25 \trbrdrb\brdrs\brdrw5\brdrcf25 \trbrdrh\brdrs\brdrw5\brdrcf25 \trbrdrv\brdrs\brdrw5\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8 \spriority47 \styrsid15940483 Grid Table 2;}{\*\ts118\tsrowd\tscellcfpat0\tscellcbpat22\tscellpct0\tsbrdrt\brdrnone \tsbrdrb\brdrs\brdrw30\brdrcf25 \tsbrdrh\brdrnone \tsbrdrv\brdrnone \rtlch\fcs1 \ab\af31507 \ltrch\fcs0 \b 
\tscfirstrow Grid Table 2;}{\*\ts118\tsrowd\tscellcfpat0\tscellcbpat22\tscellpct0\tsbrdrt\brdrdb\brdrw5\brdrcf25 \tsbrdrb\brdrnone \tsbrdrh\brdrnone \tsbrdrv\brdrnone \rtlch\fcs1 \ab\af31507 \ltrch\fcs0 \b \tsclastrow Grid Table 2;}{\*\ts118\tsrowd 
\rtlch\fcs1 \ab\af31507 \ltrch\fcs0 \b \tscfirstcol Grid Table 2;}{\*\ts118\tsrowd \rtlch\fcs1 \ab\af31507 \ltrch\fcs0 \b \tsclastcol Grid Table 2;}{\*\ts118\tsrowd\tscellcfpat0\tscellcbpat31\tscellpct0 \rtlch\fcs1 \af31507 \ltrch\fcs0 \tscbandvertodd 
Grid Table 2;}{\*\ts118\tsrowd\tscellcfpat0\tscellcbpat31\tscellpct0 \rtlch\fcs1 \af31507 \ltrch\fcs0 \tscbandhorzodd Grid Table 2;}{\*\ts119\tsrowd\trbrdrt\brdrs\brdrw5\brdrcf34 \trbrdrb\brdrs\brdrw5\brdrcf34 \trbrdrh\brdrs\brdrw5\brdrcf34 \trbrdrv
\brdrs\brdrw5\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9 \spriority47 \styrsid15940483 Grid Table 2 Accent 1;}{\*\ts119\tsrowd\tscellcfpat0\tscellcbpat22\tscellpct0\tsbrdrt\brdrnone \tsbrdrb\brdrs\brdrw30\brdrcf34 \tsbrdrh\brdrnone \tsbrdrv\brdrnone \rtlch\fcs1 \ab\af31507 \ltrch\fcs0 \b 
\tscfirstrow Grid Table 2 Accent 1;}{\*\ts119\tsrowd\tscellcfpat0\tscellcbpat22\tscellpct0\tsbrdrt\brdrdb\brdrw5\brdrcf34 \tsbrdrb\brdrnone \tsbrdrh\brdrnone \tsbrdrv\brdrnone \rtlch\fcs1 \ab\af31507 \ltrch\fcs0 \b \tsclastrow Grid Table 2 Accent 1;}{\*
\ts119\tsrowd \rtlch\fcs1 \ab\af31507 \ltrch\fcs0 \b \tscfirstcol Grid Table 2 Accent 1;}{\*\ts119\tsrowd \rtlch\fcs1 \ab\af31507 \ltrch\fcs0 \b \tsclastcol Grid Table 2 Accent 1;}{\*\ts119\tsrowd\tscellcfpat0\tscellcbpat41\tscellpct0 \rtlch\fcs1 
\af31507 \ltrch\fcs0 \tscbandvertodd Grid Table 2 Accent 1;}{\*\ts119\tsrowd\tscellcfpat0\tscellcbpat41\tscellpct0 \rtlch\fcs1 \af31507 \ltrch\fcs0 \tscbandhorzodd Grid Table 2 Accent 1;}{\*\ts120\tsrowd\trbrdrt\brdrs\brdrw5\brdrcf98 \trbrdrb
\brdrs\brdrw5\brdrcf98 \trbrdrh\brdrs\brdrw5\brdrcf98 \trbrdrv\brdrs\brdrw5\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0 \spriority47 \styrsid15940483 Grid Table 2 Accent 2;}{\*\ts120\tsrowd\tscellcfpat0\tscellcbpat22\tscellpct0\tsbrdrt\brdrnone \tsbrdrb\brdrs\brdrw30\brdrcf98 \tsbrdrh\brdrnone \tsbrdrv\brdrnone \rtlch\fcs1 \ab\af31507 \ltrch\fcs0 \b 
\tscfirstrow Grid Table 2 Accent 2;}{\*\ts120\tsrowd\tscellcfpat0\tscellcbpat22\tscellpct0\tsbrdrt\brdrdb\brdrw5\brdrcf98 \tsbrdrb\brdrnone \tsbrdrh\brdrnone \tsbrdrv\brdrnone \rtlch\fcs1 \ab\af31507 \ltrch\fcs0 \b \tsclastrow Grid Table 2 Accent 2;}{\*
\ts120\tsrowd \rtlch\fcs1 \ab\af31507 \ltrch\fcs0 \b \tscfirstcol Grid Table 2 Accent 2;}{\*\ts120\tsrowd \rtlch\fcs1 \ab\af31507 \ltrch\fcs0 \b \tsclastcol Grid Table 2 Accent 2;}{\*\ts120\tsrowd\tscellcfpat0\tscellcbpat44\tscellpct0 \rtlch\fcs1 
\af31507 \ltrch\fcs0 \tscbandvertodd Grid Table 2 Accent 2;}{\*\ts120\tsrowd\tscellcfpat0\tscellcbpat44\tscellpct0 \rtlch\fcs1 \af31507 \ltrch\fcs0 \tscbandhorzodd Grid Table 2 Accent 2;}{\*\ts121\tsrowd\trbrdrt\brdrs\brdrw5\brdrcf99 \trbrdrb
\brdrs\brdrw5\brdrcf99 \trbrdrh\brdrs\brdrw5\brdrcf99 \trbrdrv\brdrs\brdrw5\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1 \spriority47 \styrsid15940483 Grid Table 2 Accent 3;}{\*\ts121\tsrowd\tscellcfpat0\tscellcbpat22\tscellpct0\tsbrdrt\brdrnone \tsbrdrb\brdrs\brdrw30\brdrcf99 \tsbrdrh\brdrnone \tsbrdrv\brdrnone \rtlch\fcs1 \ab\af31507 \ltrch\fcs0 \b 
\tscfirstrow Grid Table 2 Accent 3;}{\*\ts121\tsrowd\tscellcfpat0\tscellcbpat22\tscellpct0\tsbrdrt\brdrdb\brdrw5\brdrcf99 \tsbrdrb\brdrnone \tsbrdrh\brdrnone \tsbrdrv\brdrnone \rtlch\fcs1 \ab\af31507 \ltrch\fcs0 \b \tsclastrow Grid Table 2 Accent 3;}{\*
\ts121\tsrowd \rtlch\fcs1 \ab\af31507 \ltrch\fcs0 \b \tscfirstcol Grid Table 2 Accent 3;}{\*\ts121\tsrowd \rtlch\fcs1 \ab\af31507 \ltrch\fcs0 \b \tsclastcol Grid Table 2 Accent 3;}{\*\ts121\tsrowd\tscellcfpat0\tscellcbpat47\tscellpct0 \rtlch\fcs1 
\af31507 \ltrch\fcs0 \tscbandvertodd Grid Table 2 Accent 3;}{\*\ts121\tsrowd\tscellcfpat0\tscellcbpat47\tscellpct0 \rtlch\fcs1 \af31507 \ltrch\fcs0 \tscbandhorzodd Grid Table 2 Accent 3;}{\*\ts122\tsrowd\trbrdrt\brdrs\brdrw5\brdrcf100 \trbrdrb
\brdrs\brdrw5\brdrcf100 \trbrdrh\brdrs\brdrw5\brdrcf100 \trbrdrv\brdrs\brdrw5\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2 \spriority47 \styrsid15940483 Grid Table 2 Accent 4;}{\*\ts122\tsrowd\tscellcfpat0\tscellcbpat22\tscellpct0\tsbrdrt\brdrnone \tsbrdrb\brdrs\brdrw30\brdrcf100 \tsbrdrh\brdrnone \tsbrdrv\brdrnone \rtlch\fcs1 \ab\af31507 \ltrch\fcs0 \b 
\tscfirstrow Grid Table 2 Accent 4;}{\*\ts122\tsrowd\tscellcfpat0\tscellcbpat22\tscellpct0\tsbrdrt\brdrdb\brdrw5\brdrcf100 \tsbrdrb\brdrnone \tsbrdrh\brdrnone \tsbrdrv\brdrnone \rtlch\fcs1 \ab\af31507 \ltrch\fcs0 \b \tsclastrow Grid Table 2 Accent 4;}{\*
\ts122\tsrowd \rtlch\fcs1 \ab\af31507 \ltrch\fcs0 \b \tscfirstcol Grid Table 2 Accent 4;}{\*\ts122\tsrowd \rtlch\fcs1 \ab\af31507 \ltrch\fcs0 \b \tsclastcol Grid Table 2 Accent 4;}{\*\ts122\tsrowd\tscellcfpat0\tscellcbpat51\tscellpct0 \rtlch\fcs1 
\af31507 \ltrch\fcs0 \tscbandvertodd Grid Table 2 Accent 4;}{\*\ts122\tsrowd\tscellcfpat0\tscellcbpat51\tscellpct0 \rtlch\fcs1 \af31507 \ltrch\fcs0 \tscbandhorzodd Grid Table 2 Accent 4;}{\*\ts123\tsrowd\trbrdrt\brdrs\brdrw5\brdrcf26 \trbrdrb
\brdrs\brdrw5\brdrcf26 \trbrdrh\brdrs\brdrw5\brdrcf26 \trbrdrv\brdrs\brdrw5\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3 \spriority47 \styrsid15940483 Grid Table 2 Accent 5;}{\*\ts123\tsrowd\tscellcfpat0\tscellcbpat22\tscellpct0\tsbrdrt\brdrnone \tsbrdrb\brdrs\brdrw30\brdrcf26 \tsbrdrh\brdrnone \tsbrdrv\brdrnone \rtlch\fcs1 \ab\af31507 \ltrch\fcs0 \b 
\tscfirstrow Grid Table 2 Accent 5;}{\*\ts123\tsrowd\tscellcfpat0\tscellcbpat22\tscellpct0\tsbrdrt\brdrdb\brdrw5\brdrcf26 \tsbrdrb\brdrnone \tsbrdrh\brdrnone \tsbrdrv\brdrnone \rtlch\fcs1 \ab\af31507 \ltrch\fcs0 \b \tsclastrow Grid Table 2 Accent 5;}{\*
\ts123\tsrowd \rtlch\fcs1 \ab\af31507 \ltrch\fcs0 \b \tscfirstcol Grid Table 2 Accent 5;}{\*\ts123\tsrowd \rtlch\fcs1 \ab\af31507 \ltrch\fcs0 \b \tsclastcol Grid Table 2 Accent 5;}{\*\ts123\tsrowd\tscellcfpat0\tscellcbpat28\tscellpct0 \rtlch\fcs1 
\af31507 \ltrch\fcs0 \tscbandvertodd Grid Table 2 Accent 5;}{\*\ts123\tsrowd\tscellcfpat0\tscellcbpat28\tscellpct0 \rtlch\fcs1 \af31507 \ltrch\fcs0 \tscbandhorzodd Grid Table 2 Accent 5;}{\*\ts124\tsrowd\trbrdrt\brdrs\brdrw5\brdrcf30 \trbrdrb
\brdrs\brdrw5\brdrcf30 \trbrdrh\brdrs\brdrw5\brdrcf30 \trbrdrv\brdrs\brdrw5\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4 \spriority47 \styrsid15940483 Grid Table 2 Accent 6;}{\*\ts124\tsrowd\tscellcfpat0\tscellcbpat22\tscellpct0\tsbrdrt\brdrnone \tsbrdrb\brdrs\brdrw30\brdrcf30 \tsbrdrh\brdrnone \tsbrdrv\brdrnone \rtlch\fcs1 \ab\af31507 \ltrch\fcs0 \b 
\tscfirstrow Grid Table 2 Accent 6;}{\*\ts124\tsrowd\tscellcfpat0\tscellcbpat22\tscellpct0\tsbrdrt\brdrdb\brdrw5\brdrcf30 \tsbrdrb\brdrnone \tsbrdrh\brdrnone \tsbrdrv\brdrnone \rtlch\fcs1 \ab\af31507 \ltrch\fcs0 \b \tsclastrow Grid Table 2 Accent 6;}{\*
\ts124\tsrowd \rtlch\fcs1 \ab\af31507 \ltrch\fcs0 \b \tscfirstcol Grid Table 2 Accent 6;}{\*\ts124\tsrowd \rtlch\fcs1 \ab\af31507 \ltrch\fcs0 \b \tsclastcol Grid Table 2 Accent 6;}{\*\ts124\tsrowd\tscellcfpat0\tscellcbpat58\tscellpct0 \rtlch\fcs1 
\af31507 \ltrch\fcs0 \tscbandvertodd Grid Table 2 Accent 6;}{\*\ts124\tsrowd\tscellcfpat0\tscellcbpat58\tscellpct0 \rtlch\fcs1 \af31507 \ltrch\fcs0 \tscbandhorzodd Grid Table 2 Accent 6;}{\*\ts125\tsrowd\trbrdrt\brdrs\brdrw10\brdrcf25 \trbrdrl
\brdrs\brdrw10\brdrcf25 \trbrdrb\brdrs\brdrw10\brdrcf25 \trbrdrr\brdrs\brdrw10\brdrcf25 \trbrdrh\brdrs\brdrw10\brdrcf25 \trbrdrv\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5 \spriority48 \styrsid15940483 Grid Table 3;}{\*\ts125\tsrowd\tscellcfpat0\tscellcbpat22\tscellpct0\tsbrdrt\brdrnone \tsbrdrl\brdrnone \tsbrdrr\brdrnone \tsbrdrh\brdrnone \tsbrdrv\brdrnone \rtlch\fcs1 \ab\af31507 \ltrch\fcs0 \b 
\tscfirstrow Grid Table 3;}{\*\ts125\tsrowd\tscellcfpat0\tscellcbpat22\tscellpct0\tsbrdrl\brdrnone \tsbrdrb\brdrnone \tsbrdrr\brdrnone \tsbrdrh\brdrnone \tsbrdrv\brdrnone \rtlch\fcs1 \ab\af31507 \ltrch\fcs0 \b \tsclastrow Grid Table 3;}{\*
\ts125\tsrowd\tscellcfpat0\tscellcbpat22\tscellpct0\tsbrdrt\brdrnone \tsbrdrl\brdrnone \tsbrdrb\brdrnone \tsbrdrh\brdrnone \tsbrdrv\brdrnone \qr \rtlch\fcs1 \ai\af31507 \ltrch\fcs0 \i \tscfirstcol Grid Table 3;}{\*
\ts125\tsrowd\tscellcfpat0\tscellcbpat22\tscellpct0\tsbrdrt\brdrnone \tsbrdrb\brdrnone \tsbrdrr\brdrnone \tsbrdrh\brdrnone \tsbrdrv\brdrnone \rtlch\fcs1 \ai\af31507 \ltrch\fcs0 \i \tsclastcol Grid Table 3;}{\*
\ts125\tsrowd\tscellcfpat0\tscellcbpat31\tscellpct0 \rtlch\fcs1 \af31507 \ltrch\fcs0 \tscbandvertodd Grid Table 3;}{\*\ts125\tsrowd\tscellcfpat0\tscellcbpat31\tscellpct0 \rtlch\fcs1 \af31507 \ltrch\fcs0 \tscbandhorzodd Grid Table 3;}{\*
\ts125\tsrowd\tsbrdrb\brdrs\brdrw10\brdrcf25 \rtlch\fcs1 \af31507 \ltrch\fcs0 \tscnecell Grid Table 3;}{\*\ts125\tsrowd\tsbrdrb\brdrs\brdrw10\brdrcf25 \rtlch\fcs1 \af31507 \ltrch\fcs0 \tscnwcell Grid Table 3;}{\*\ts125\tsrowd\tsbrdrt
\brdrs\brdrw10\brdrcf25 \rtlch\fcs1 \af31507 \ltrch\fcs0 \tscsecell Grid Table 3;}{\*\ts125\tsrowd\tsbrdrt\brdrs\brdrw10\brdrcf25 \rtlch\fcs1 \af31507 \ltrch\fcs0 \tscswcell Grid Table 3;}{\*\ts126\tsrowd\trbrdrt\brdrs\brdrw10\brdrcf34 \trbrdrl
\brdrs\brdrw10\brdrcf34 \trbrdrb\brdrs\brdrw10\brdrcf34 \trbrdrr\brdrs\brdrw10\brdrcf34 \trbrdrh\brdrs\brdrw10\brdrcf34 \trbrdrv\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6 \spriority48 \styrsid15940483 Grid Table 3 Accent 1;}{\*\ts126\tsrowd\tscellcfpat0\tscellcbpat22\tscellpct0\tsbrdrt\brdrnone \tsbrdrl\brdrnone \tsbrdrr\brdrnone \tsbrdrh\brdrnone \tsbrdrv\brdrnone \rtlch\fcs1 \ab\af31507 \ltrch\fcs0 
\b \tscfirstrow Grid Table 3 Accent 1;}{\*\ts126\tsrowd\tscellcfpat0\tscellcbpat22\tscellpct0\tsbrdrl\brdrnone \tsbrdrb\brdrnone \tsbrdrr\brdrnone \tsbrdrh\brdrnone \tsbrdrv\brdrnone \rtlch\fcs1 \ab\af31507 \ltrch\fcs0 \b \tsclastrow 
Grid Table 3 Accent 1;}{\*\ts126\tsrowd\tscellcfpat0\tscellcbpat22\tscellpct0\tsbrdrt\brdrnone \tsbrdrl\brdrnone \tsbrdrb\brdrnone \tsbrdrh\brdrnone \tsbrdrv\brdrnone \qr \rtlch\fcs1 \ai\af31507 \ltrch\fcs0 \i \tscfirstcol Grid Table 3 Accent 1;}{\*
\ts126\tsrowd\tscellcfpat0\tscellcbpat22\tscellpct0\tsbrdrt\brdrnone \tsbrdrb\brdrnone \tsbrdrr\brdrnone \tsbrdrh\brdrnone \tsbrdrv\brdrnone \rtlch\fcs1 \ai\af31507 \ltrch\fcs0 \i \tsclastcol Grid Table 3 Accent 1;}{\*
\ts126\tsrowd\tscellcfpat0\tscellcbpat41\tscellpct0 \rtlch\fcs1 \af31507 \ltrch\fcs0 \tscbandvertodd Grid Table 3 Accent 1;}{\*\ts126\tsrowd\tscellcfpat0\tscellcbpat41\tscellpct0 \rtlch\fcs1 \af31507 \ltrch\fcs0 \tscbandhorzodd Grid Table 3 Accent 1;}{\*
\ts126\tsrowd\tsbrdrb\brdrs\brdrw10\brdrcf34 \rtlch\fcs1 \af31507 \ltrch\fcs0 \tscnecell Grid Table 3 Accent 1;}{\*\ts126\tsrowd\tsbrdrb\brdrs\brdrw10\brdrcf34 \rtlch\fcs1 \af31507 \ltrch\fcs0 \tscnwcell Grid Table 3 Accent 1;}{\*\ts126\tsrowd\tsbrdrt
\brdrs\brdrw10\brdrcf34 \rtlch\fcs1 \af31507 \ltrch\fcs0 \tscsecell Grid Table 3 Accent 1;}{\*\ts126\tsrowd\tsbrdrt\brdrs\brdrw10\brdrcf34 \rtlch\fcs1 \af31507 \ltrch\fcs0 \tscswcell Grid Table 3 Accent 1;}{\*\ts127\tsrowd\trbrdrt\brdrs\brdrw10\brdrcf98 
\trbrdrl\brdrs\brdrw10\brdrcf98 \trbrdrb\brdrs\brdrw10\brdrcf98 \trbrdrr\brdrs\brdrw10\brdrcf98 \trbrdrh\brdrs\brdrw10\brdrcf98 \trbrdrv\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7 \spriority48 \styrsid15940483 Grid Table 3 Accent 2;}{\*\ts127\tsrowd\tscellcfpat0\tscellcbpat22\tscellpct0\tsbrdrt\brdrnone \tsbrdrl\brdrnone \tsbrdrr\brdrnone \tsbrdrh\brdrnone \tsbrdrv\brdrnone \rtlch\fcs1 \ab\af31507 \ltrch\fcs0 
\b \tscfirstrow Grid Table 3 Accent 2;}{\*\ts127\tsrowd\tscellcfpat0\tscellcbpat22\tscellpct0\tsbrdrl\brdrnone \tsbrdrb\brdrnone \tsbrdrr\brdrnone \tsbrdrh\brdrnone \tsbrdrv\brdrnone \rtlch\fcs1 \ab\af31507 \ltrch\fcs0 \b \tsclastrow 
Grid Table 3 Accent 2;}{\*\ts127\tsrowd\tscellcfpat0\tscellcbpat22\tscellpct0\tsbrdrt\brdrnone \tsbrdrl\brdrnone \tsbrdrb\brdrnone \tsbrdrh\brdrnone \tsbrdrv\brdrnone \qr \rtlch\fcs1 \ai\af31507 \ltrch\fcs0 \i \tscfirstcol Grid Table 3 Accent 2;}{\*
\ts127\tsrowd\tscellcfpat0\tscellcbpat22\tscellpct0\tsbrdrt\brdrnone \tsbrdrb\brdrnone \tsbrdrr\brdrnone \tsbrdrh\brdrnone \tsbrdrv\brdrnone \rtlch\fcs1 \ai\af31507 \ltrch\fcs0 \i \tsclastcol Grid Table 3 Accent 2;}{\*
\ts127\tsrowd\tscellcfpat0\tscellcbpat44\tscellpct0 \rtlch\fcs1 \af31507 \ltrch\fcs0 \tscbandvertodd Grid Table 3 Accent 2;}{\*\ts127\tsrowd\tscellcfpat0\tscellcbpat44\tscellpct0 \rtlch\fcs1 \af31507 \ltrch\fcs0 \tscbandhorzodd Grid Table 3 Accent 2;}{\*
\ts127\tsrowd\tsbrdrb\brdrs\brdrw10\brdrcf98 \rtlch\fcs1 \af31507 \ltrch\fcs0 \tscnecell Grid Table 3 Accent 2;}{\*\ts127\tsrowd\tsbrdrb\brdrs\brdrw10\brdrcf98 \rtlch\fcs1 \af31507 \ltrch\fcs0 \tscnwcell Grid Table 3 Accent 2;}{\*\ts127\tsrowd\tsbrdrt
\brdrs\brdrw10\brdrcf98 \rtlch\fcs1 \af31507 \ltrch\fcs0 \tscsecell Grid Table 3 Accent 2;}{\*\ts127\tsrowd\tsbrdrt\brdrs\brdrw10\brdrcf98 \rtlch\fcs1 \af31507 \ltrch\fcs0 \tscswcell Grid Table 3 Accent 2;}{\*\ts128\tsrowd\trbrdrt\brdrs\brdrw10\brdrcf99 
\trbrdrl\brdrs\brdrw10\brdrcf99 \trbrdrb\brdrs\brdrw10\brdrcf99 \trbrdrr\brdrs\brdrw10\brdrcf99 \trbrdrh\brdrs\brdrw10\brdrcf99 \trbrdrv\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8 \spriority48 \styrsid15940483 Grid Table 3 Accent 3;}{\*\ts128\tsrowd\tscellcfpat0\tscellcbpat22\tscellpct0\tsbrdrt\brdrnone \tsbrdrl\brdrnone \tsbrdrr\brdrnone \tsbrdrh\brdrnone \tsbrdrv\brdrnone \rtlch\fcs1 \ab\af31507 \ltrch\fcs0 
\b \tscfirstrow Grid Table 3 Accent 3;}{\*\ts128\tsrowd\tscellcfpat0\tscellcbpat22\tscellpct0\tsbrdrl\brdrnone \tsbrdrb\brdrnone \tsbrdrr\brdrnone \tsbrdrh\brdrnone \tsbrdrv\brdrnone \rtlch\fcs1 \ab\af31507 \ltrch\fcs0 \b \tsclastrow 
Grid Table 3 Accent 3;}{\*\ts128\tsrowd\tscellcfpat0\tscellcbpat22\tscellpct0\tsbrdrt\brdrnone \tsbrdrl\brdrnone \tsbrdrb\brdrnone \tsbrdrh\brdrnone \tsbrdrv\brdrnone \qr \rtlch\fcs1 \ai\af31507 \ltrch\fcs0 \i \tscfirstcol Grid Table 3 Accent 3;}{\*
\ts128\tsrowd\tscellcfpat0\tscellcbpat22\tscellpct0\tsbrdrt\brdrnone \tsbrdrb\brdrnone \tsbrdrr\brdrnone \tsbrdrh\brdrnone \tsbrdrv\brdrnone \rtlch\fcs1 \ai\af31507 \ltrch\fcs0 \i \tsclastcol Grid Table 3 Accent 3;}{\*
\ts128\tsrowd\tscellcfpat0\tscellcbpat47\tscellpct0 \rtlch\fcs1 \af31507 \ltrch\fcs0 \tscbandvertodd Grid Table 3 Accent 3;}{\*\ts128\tsrowd\tscellcfpat0\tscellcbpat47\tscellpct0 \rtlch\fcs1 \af31507 \ltrch\fcs0 \tscbandhorzodd Grid Table 3 Accent 3;}{\*
\ts128\tsrowd\tsbrdrb\brdrs\brdrw10\brdrcf99 \rtlch\fcs1 \af31507 \ltrch\fcs0 \tscnecell Grid Table 3 Accent 3;}{\*\ts128\tsrowd\tsbrdrb\brdrs\brdrw10\brdrcf99 \rtlch\fcs1 \af31507 \ltrch\fcs0 \tscnwcell Grid Table 3 Accent 3;}{\*\ts128\tsrowd\tsbrdrt
\brdrs\brdrw10\brdrcf99 \rtlch\fcs1 \af31507 \ltrch\fcs0 \tscsecell Grid Table 3 Accent 3;}{\*\ts128\tsrowd\tsbrdrt\brdrs\brdrw10\brdrcf99 \rtlch\fcs1 \af31507 \ltrch\fcs0 \tscswcell Grid Table 3 Accent 3;}{\*\ts129\tsrowd\trbrdrt\brdrs\brdrw10\brdrcf100 
\trbrdrl\brdrs\brdrw10\brdrcf100 \trbrdrb\brdrs\brdrw10\brdrcf100 \trbrdrr\brdrs\brdrw10\brdrcf100 \trbrdrh\brdrs\brdrw10\brdrcf100 \trbrdrv\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9 \spriority48 \styrsid15940483 Grid Table 3 Accent 4;}{\*\ts129\tsrowd\tscellcfpat0\tscellcbpat22\tscellpct0\tsbrdrt\brdrnone \tsbrdrl\brdrnone \tsbrdrr\brdrnone \tsbrdrh\brdrnone \tsbrdrv\brdrnone \rtlch\fcs1 \ab\af31507 \ltrch\fcs0 
\b \tscfirstrow Grid Table 3 Accent 4;}{\*\ts129\tsrowd\tscellcfpat0\tscellcbpat22\tscellpct0\tsbrdrl\brdrnone \tsbrdrb\brdrnone \tsbrdrr\brdrnone \tsbrdrh\brdrnone \tsbrdrv\brdrnone \rtlch\fcs1 \ab\af31507 \ltrch\fcs0 \b \tsclastrow 
Grid Table 3 Accent 4;}{\*\ts129\tsrowd\tscellcfpat0\tscellcbpat22\tscellpct0\tsbrdrt\brdrnone \tsbrdrl\brdrnone \tsbrdrb\brdrnone \tsbrdrh\brdrnone \tsbrdrv\brdrnone \qr \rtlch\fcs1 \ai\af31507 \ltrch\fcs0 \i \tscfirstcol Grid Table 3 Accent 4;}{\*
\ts129\tsrowd\tscellcfpat0\tscellcbpat22\tscellpct0\tsbrdrt\brdrnone \tsbrdrb\brdrnone \tsbrdrr\brdrnone \tsbrdrh\brdrnone \tsbrdrv\brdrnone \rtlch\fcs1 \ai\af31507 \ltrch\fcs0 \i \tsclastcol Grid Table 3 Accent 4;}{\*
\ts129\tsrowd\tscellcfpat0\tscellcbpat51\tscellpct0 \rtlch\fcs1 \af31507 \ltrch\fcs0 \tscbandvertodd Grid Table 3 Accent 4;}{\*\ts129\tsrowd\tscellcfpat0\tscellcbpat51\tscellpct0 \rtlch\fcs1 \af31507 \ltrch\fcs0 \tscbandhorzodd Grid Table 3 Accent 4;}{\*
\ts129\tsrowd\tsbrdrb\brdrs\brdrw10\brdrcf100 \rtlch\fcs1 \af31507 \ltrch\fcs0 \tscnecell Grid Table 3 Accent 4;}{\*\ts129\tsrowd\tsbrdrb\brdrs\brdrw10\brdrcf100 \rtlch\fcs1 \af31507 \ltrch\fcs0 \tscnwcell Grid Table 3 Accent 4;}{\*\ts129\tsrowd\tsbrdrt
\brdrs\brdrw10\brdrcf100 \rtlch\fcs1 \af31507 \ltrch\fcs0 \tscsecell Grid Table 3 Accent 4;}{\*\ts129\tsrowd\tsbrdrt\brdrs\brdrw10\brdrcf100 \rtlch\fcs1 \af31507 \ltrch\fcs0 \tscswcell Grid Table 3 Accent 4;}{\*\ts130\tsrowd\trbrdrt
\brdrs\brdrw10\brdrcf26 \trbrdrl\brdrs\brdrw10\brdrcf26 \trbrdrb\brdrs\brdrw10\brdrcf26 \trbrdrr\brdrs\brdrw10\brdrcf26 \trbrdrh\brdrs\brdrw10\brdrcf26 \trbrdrv\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0 \spriority48 \styrsid15940483 Grid Table 3 Accent 5;}{\*\ts130\tsrowd\tscellcfpat0\tscellcbpat22\tscellpct0\tsbrdrt\brdrnone \tsbrdrl\brdrnone \tsbrdrr\brdrnone \tsbrdrh\brdrnone \tsbrdrv\brdrnone \rtlch\fcs1 \ab\af31507 \ltrch\fcs0 
\b \tscfirstrow Grid Table 3 Accent 5;}{\*\ts130\tsrowd\tscellcfpat0\tscellcbpat22\tscellpct0\tsbrdrl\brdrnone \tsbrdrb\brdrnone \tsbrdrr\brdrnone \tsbrdrh\brdrnone \tsbrdrv\brdrnone \rtlch\fcs1 \ab\af31507 \ltrch\fcs0 \b \tsclastrow 
Grid Table 3 Accent 5;}{\*\ts130\tsrowd\tscellcfpat0\tscellcbpat22\tscellpct0\tsbrdrt\brdrnone \tsbrdrl\brdrnone \tsbrdrb\brdrnone \tsbrdrh\brdrnone \tsbrdrv\brdrnone \qr \rtlch\fcs1 \ai\af31507 \ltrch\fcs0 \i \tscfirstcol Grid Table 3 Accent 5;}{\*
\ts130\tsrowd\tscellcfpat0\tscellcbpat22\tscellpct0\tsbrdrt\brdrnone \tsbrdrb\brdrnone \tsbrdrr\brdrnone \tsbrdrh\brdrnone \tsbrdrv\brdrnone \rtlch\fcs1 \ai\af31507 \ltrch\fcs0 \i \tsclastcol Grid Table 3 Accent 5;}{\*
\ts130\tsrowd\tscellcfpat0\tscellcbpat28\tscellpct0 \rtlch\fcs1 \af31507 \ltrch\fcs0 \tscbandvertodd Grid Table 3 Accent 5;}{\*\ts130\tsrowd\tscellcfpat0\tscellcbpat28\tscellpct0 \rtlch\fcs1 \af31507 \ltrch\fcs0 \tscbandhorzodd Grid Table 3 Accent 5;}{\*
\ts130\tsrowd\tsbrdrb\brdrs\brdrw10\brdrcf26 \rtlch\fcs1 \af31507 \ltrch\fcs0 \tscnecell Grid Table 3 Accent 5;}{\*\ts130\tsrowd\tsbrdrb\brdrs\brdrw10\brdrcf26 \rtlch\fcs1 \af31507 \ltrch\fcs0 \tscnwcell Grid Table 3 Accent 5;}{\*\ts130\tsrowd\tsbrdrt
\brdrs\brdrw10\brdrcf26 \rtlch\fcs1 \af31507 \ltrch\fcs0 \tscsecell Grid Table 3 Accent 5;}{\*\ts130\tsrowd\tsbrdrt\brdrs\brdrw10\brdrcf26 \rtlch\fcs1 \af31507 \ltrch\fcs0 \tscswcell Grid Table 3 Accent 5;}{\*\ts131\tsrowd\trbrdrt\brdrs\brdrw10\brdrcf30 
\trbrdrl\brdrs\brdrw10\brdrcf30 \trbrdrb\brdrs\brdrw10\brdrcf30 \trbrdrr\brdrs\brdrw10\brdrcf30 \trbrdrh\brdrs\brdrw10\brdrcf30 \trbrdrv\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1 \spriority48 \styrsid15940483 Grid Table 3 Accent 6;}{\*\ts131\tsrowd\tscellcfpat0\tscellcbpat22\tscellpct0\tsbrdrt\brdrnone \tsbrdrl\brdrnone \tsbrdrr\brdrnone \tsbrdrh\brdrnone \tsbrdrv\brdrnone \rtlch\fcs1 \ab\af31507 \ltrch\fcs0 
\b \tscfirstrow Grid Table 3 Accent 6;}{\*\ts131\tsrowd\tscellcfpat0\tscellcbpat22\tscellpct0\tsbrdrl\brdrnone \tsbrdrb\brdrnone \tsbrdrr\brdrnone \tsbrdrh\brdrnone \tsbrdrv\brdrnone \rtlch\fcs1 \ab\af31507 \ltrch\fcs0 \b \tsclastrow 
Grid Table 3 Accent 6;}{\*\ts131\tsrowd\tscellcfpat0\tscellcbpat22\tscellpct0\tsbrdrt\brdrnone \tsbrdrl\brdrnone \tsbrdrb\brdrnone \tsbrdrh\brdrnone \tsbrdrv\brdrnone \qr \rtlch\fcs1 \ai\af31507 \ltrch\fcs0 \i \tscfirstcol Grid Table 3 Accent 6;}{\*
\ts131\tsrowd\tscellcfpat0\tscellcbpat22\tscellpct0\tsbrdrt\brdrnone \tsbrdrb\brdrnone \tsbrdrr\brdrnone \tsbrdrh\brdrnone \tsbrdrv\brdrnone \rtlch\fcs1 \ai\af31507 \ltrch\fcs0 \i \tsclastcol Grid Table 3 Accent 6;}{\*
\ts131\tsrowd\tscellcfpat0\tscellcbpat58\tscellpct0 \rtlch\fcs1 \af31507 \ltrch\fcs0 \tscbandvertodd Grid Table 3 Accent 6;}{\*\ts131\tsrowd\tscellcfpat0\tscellcbpat58\tscellpct0 \rtlch\fcs1 \af31507 \ltrch\fcs0 \tscbandhorzodd Grid Table 3 Accent 6;}{\*
\ts131\tsrowd\tsbrdrb\brdrs\brdrw10\brdrcf30 \rtlch\fcs1 \af31507 \ltrch\fcs0 \tscnecell Grid Table 3 Accent 6;}{\*\ts131\tsrowd\tsbrdrb\brdrs\brdrw10\brdrcf30 \rtlch\fcs1 \af31507 \ltrch\fcs0 \tscnwcell Grid Table 3 Accent 6;}{\*\ts131\tsrowd\tsbrdrt
\brdrs\brdrw10\brdrcf30 \rtlch\fcs1 \af31507 \ltrch\fcs0 \tscsecell Grid Table 3 Accent 6;}{\*\ts131\tsrowd\tsbrdrt\brdrs\brdrw10\brdrcf30 \rtlch\fcs1 \af31507 \ltrch\fcs0 \tscswcell Grid Table 3 Accent 6;}{\*\ts132\tsrowd\trbrdrt\brdrs\brdrw10\brdrcf34 
\trbrdrl\brdrs\brdrw10\brdrcf34 \trbrdrb\brdrs\brdrw10\brdrcf34 \trbrdrr\brdrs\brdrw10\brdrcf34 \trbrdrh\brdrs\brdrw10\brdrcf34 \trbrdrv\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2 \spriority49 \styrsid15940483 Grid Table 4 Accent 1;}{\*\ts132\tsrowd\tscellcfpat0\tscellcbpat82\tscellpct0\tsbrdrt\brdrs\brdrw10\brdrcf82 \tsbrdrl\brdrs\brdrw10\brdrcf82 \tsbrdrb\brdrs\brdrw10\brdrcf82 \tsbrdrr
\brdrs\brdrw10\brdrcf82 \tsbrdrh\brdrnone \tsbrdrv\brdrnone \rtlch\fcs1 \ab\af31507 \ltrch\fcs0 \b\cf22 \tscfirstrow Grid Table 4 Accent 1;}{\*\ts132\tsrowd\tsbrdrt\brdrdb\brdrw10\brdrcf82 \rtlch\fcs1 \ab\af31507 \ltrch\fcs0 \b \tsclastrow 
Grid Table 4 Accent 1;}{\*\ts132\tsrowd \rtlch\fcs1 \ab\af31507 \ltrch\fcs0 \b \tscfirstcol Grid Table 4 Accent 1;}{\*\ts132\tsrowd \rtlch\fcs1 \ab\af31507 \ltrch\fcs0 \b \tsclastcol Grid Table 4 Accent 1;}{\*
\ts132\tsrowd\tscellcfpat0\tscellcbpat41\tscellpct0 \rtlch\fcs1 \af31507 \ltrch\fcs0 \tscbandvertodd Grid Table 4 Accent 1;}{\*\ts132\tsrowd\tscellcfpat0\tscellcbpat41\tscellpct0 \rtlch\fcs1 \af31507 \ltrch\fcs0 \tscbandhorzodd Grid Table 4 Accent 1;}{\*
\ts133\tsrowd\trbrdrt\brdrs\brdrw10\brdrcf98 \trbrdrl\brdrs\brdrw10\brdrcf98 \trbrdrb\brdrs\brdrw10\brdrcf98 \trbrdrr\brdrs\brdrw10\brdrcf98 \trbrdrh\brdrs\brdrw10\brdrcf98 \trbrdrv\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3 \spriority49 \styrsid15940483 Grid Table 4 Accent 2;}{\*\ts133\tsrowd\tscellcfpat0\tscellcbpat80\tscellpct0\tsbrdrt\brdrs\brdrw10\brdrcf80 \tsbrdrl\brdrs\brdrw10\brdrcf80 \tsbrdrb\brdrs\brdrw10\brdrcf80 \tsbrdrr
\brdrs\brdrw10\brdrcf80 \tsbrdrh\brdrnone \tsbrdrv\brdrnone \rtlch\fcs1 \ab\af31507 \ltrch\fcs0 \b\cf22 \tscfirstrow Grid Table 4 Accent 2;}{\*\ts133\tsrowd\tsbrdrt\brdrdb\brdrw10\brdrcf80 \rtlch\fcs1 \ab\af31507 \ltrch\fcs0 \b \tsclastrow 
Grid Table 4 Accent 2;}{\*\ts133\tsrowd \rtlch\fcs1 \ab\af31507 \ltrch\fcs0 \b \tscfirstcol Grid Table 4 Accent 2;}{\*\ts133\tsrowd \rtlch\fcs1 \ab\af31507 \ltrch\fcs0 \b \tsclastcol Grid Table 4 Accent 2;}{\*
\ts133\tsrowd\tscellcfpat0\tscellcbpat44\tscellpct0 \rtlch\fcs1 \af31507 \ltrch\fcs0 \tscbandvertodd Grid Table 4 Accent 2;}{\*\ts133\tsrowd\tscellcfpat0\tscellcbpat44\tscellpct0 \rtlch\fcs1 \af31507 \ltrch\fcs0 \tscbandhorzodd Grid Table 4 Accent 2;}{\*
\ts134\tsrowd\trbrdrt\brdrs\brdrw10\brdrcf99 \trbrdrl\brdrs\brdrw10\brdrcf99 \trbrdrb\brdrs\brdrw10\brdrcf99 \trbrdrr\brdrs\brdrw10\brdrcf99 \trbrdrh\brdrs\brdrw10\brdrcf99 \trbrdrv\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4 \spriority49 \styrsid15940483 Grid Table 4 Accent 3;}{\*\ts134\tsrowd\tscellcfpat0\tscellcbpat86\tscellpct0\tsbrdrt\brdrs\brdrw10\brdrcf86 \tsbrdrl\brdrs\brdrw10\brdrcf86 \tsbrdrb\brdrs\brdrw10\brdrcf86 \tsbrdrr
\brdrs\brdrw10\brdrcf86 \tsbrdrh\brdrnone \tsbrdrv\brdrnone \rtlch\fcs1 \ab\af31507 \ltrch\fcs0 \b\cf22 \tscfirstrow Grid Table 4 Accent 3;}{\*\ts134\tsrowd\tsbrdrt\brdrdb\brdrw10\brdrcf86 \rtlch\fcs1 \ab\af31507 \ltrch\fcs0 \b \tsclastrow 
Grid Table 4 Accent 3;}{\*\ts134\tsrowd \rtlch\fcs1 \ab\af31507 \ltrch\fcs0 \b \tscfirstcol Grid Table 4 Accent 3;}{\*\ts134\tsrowd \rtlch\fcs1 \ab\af31507 \ltrch\fcs0 \b \tsclastcol Grid Table 4 Accent 3;}{\*
\ts134\tsrowd\tscellcfpat0\tscellcbpat47\tscellpct0 \rtlch\fcs1 \af31507 \ltrch\fcs0 \tscbandvertodd Grid Table 4 Accent 3;}{\*\ts134\tsrowd\tscellcfpat0\tscellcbpat47\tscellpct0 \rtlch\fcs1 \af31507 \ltrch\fcs0 \tscbandhorzodd Grid Table 4 Accent 3;}{\*
\ts135\tsrowd\trbrdrt\brdrs\brdrw10\brdrcf100 \trbrdrl\brdrs\brdrw10\brdrcf100 \trbrdrb\brdrs\brdrw10\brdrcf100 \trbrdrr\brdrs\brdrw10\brdrcf100 \trbrdrh\brdrs\brdrw10\brdrcf100 \trbrdrv\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5 \spriority49 \styrsid15940483 Grid Table 4 Accent 4;}{\*\ts135\tsrowd\tscellcfpat0\tscellcbpat85\tscellpct0\tsbrdrt\brdrs\brdrw10\brdrcf85 \tsbrdrl\brdrs\brdrw10\brdrcf85 \tsbrdrb\brdrs\brdrw10\brdrcf85 \tsbrdrr
\brdrs\brdrw10\brdrcf85 \tsbrdrh\brdrnone \tsbrdrv\brdrnone \rtlch\fcs1 \ab\af31507 \ltrch\fcs0 \b\cf22 \tscfirstrow Grid Table 4 Accent 4;}{\*\ts135\tsrowd\tsbrdrt\brdrdb\brdrw10\brdrcf85 \rtlch\fcs1 \ab\af31507 \ltrch\fcs0 \b \tsclastrow 
Grid Table 4 Accent 4;}{\*\ts135\tsrowd \rtlch\fcs1 \ab\af31507 \ltrch\fcs0 \b \tscfirstcol Grid Table 4 Accent 4;}{\*\ts135\tsrowd \rtlch\fcs1 \ab\af31507 \ltrch\fcs0 \b \tsclastcol Grid Table 4 Accent 4;}{\*
\ts135\tsrowd\tscellcfpat0\tscellcbpat51\tscellpct0 \rtlch\fcs1 \af31507 \ltrch\fcs0 \tscbandvertodd Grid Table 4 Accent 4;}{\*\ts135\tsrowd\tscellcfpat0\tscellcbpat51\tscellpct0 \rtlch\fcs1 \af31507 \ltrch\fcs0 \tscbandhorzodd Grid Table 4 Accent 4;}{\*
\ts136\tsrowd\trbrdrt\brdrs\brdrw10\brdrcf30 \trbrdrl\brdrs\brdrw10\brdrcf30 \trbrdrb\brdrs\brdrw10\brdrcf30 \trbrdrr\brdrs\brdrw10\brdrcf30 \trbrdrh\brdrs\brdrw10\brdrcf30 \trbrdrv\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6 \spriority49 \styrsid15940483 Grid Table 4 Accent 6;}{\*\ts136\tsrowd\tscellcfpat0\tscellcbpat89\tscellpct0\tsbrdrt\brdrs\brdrw10\brdrcf89 \tsbrdrl\brdrs\brdrw10\brdrcf89 \tsbrdrb\brdrs\brdrw10\brdrcf89 \tsbrdrr
\brdrs\brdrw10\brdrcf89 \tsbrdrh\brdrnone \tsbrdrv\brdrnone \rtlch\fcs1 \ab\af31507 \ltrch\fcs0 \b\cf22 \tscfirstrow Grid Table 4 Accent 6;}{\*\ts136\tsrowd\tsbrdrt\brdrdb\brdrw10\brdrcf89 \rtlch\fcs1 \ab\af31507 \ltrch\fcs0 \b \tsclastrow 
Grid Table 4 Accent 6;}{\*\ts136\tsrowd \rtlch\fcs1 \ab\af31507 \ltrch\fcs0 \b \tscfirstcol Grid Table 4 Accent 6;}{\*\ts136\tsrowd \rtlch\fcs1 \ab\af31507 \ltrch\fcs0 \b \tsclastcol Grid Table 4 Accent 6;}{\*
\ts136\tsrowd\tscellcfpat0\tscellcbpat58\tscellpct0 \rtlch\fcs1 \af31507 \ltrch\fcs0 \tscbandvertodd Grid Table 4 Accent 6;}{\*\ts136\tsrowd\tscellcfpat0\tscellcbpat58\tscellpct0 \rtlch\fcs1 \af31507 \ltrch\fcs0 \tscbandhorzodd Grid Table 4 Accent 6;}{\*
\ts137\tsrowd\trbrdrt\brdrs\brdrw10\brdrcf22 \trbrdrl\brdrs\brdrw10\brdrcf22 \trbrdrb\brdrs\brdrw10\brdrcf22 \trbrdrr\brdrs\brdrw10\brdrcf22 \trbrdrh\brdrs\brdrw10\brdrcf22 \trbrdrv\brdrs\brdrw10\brdrcf22 
\trftsWidthB3\trpaddl108\trpaddr108\trpaddfl3\trpaddft3\trpaddfb3\trpaddfr3\tscbandsh1\tscbandsv1\tblind0\tblindtype3\tsvertalt\tscellcbpat41\tsbrdrt\tsbrdrl\tsbrdrb\tsbrdrr\tsbrdrdgl\tsbrdrdgr\tsbrdrh\tsbrdrv 
\ql \li0\ri0\sb160\widctlpar\wrapdefault\aspalpha\aspnum\faauto\adjustright\rin0\lin0\itap0 \rtlch\fcs1 \af31507\afs22\alang1025 \ltrch\fcs0 \f31506\fs22\lang1033\langfe1033\cgrid\langnp1033\langfenp1033 
\sbasedon11 \snext137 \spriority50 \styrsid15940483 Grid Table 5 Dark Accent 1;}{\*\ts137\tsrowd\tscellcfpat0\tscellcbpat82\tscellpct0\tsbrdrt\brdrs\brdrw10\brdrcf22 \tsbrdrl\brdrs\brdrw10\brdrcf22 \tsbrdrr\brdrs\brdrw10\brdrcf22 \tsbrdrh\brdrnone 
\tsbrdrv\brdrnone \rtlch\fcs1 \ab\af31507 \ltrch\fcs0 \b\cf22 \tscfirstrow Grid Table 5 Dark Accent 1;}{\*\ts137\tsrowd\tscellcfpat0\tscellcbpat82\tscellpct0\tsbrdrl\brdrs\brdrw10\brdrcf22 \tsbrdrb\brdrs\brdrw10\brdrcf22 \tsbrdrr\brdrs\brdrw10\brdrcf22 
\tsbrdrh\brdrnone \tsbrdrv\brdrnone \rtlch\fcs1 \ab\af31507 \ltrch\fcs0 \b\cf22 \tsclastrow Grid Table 5 Dark Accent 1;}{\*\ts137\tsrowd\tscellcfpat0\tscellcbpat82\tscellpct0\tsbrdrt\brdrs\brdrw10\brdrcf22 \tsbrdrl\brdrs\brdrw10\brdrcf22 \tsbrdrb
\brdrs\brdrw10\brdrcf22 \tsbrdrv\brdrnone \rtlch\fcs1 \ab\af31507 \ltrch\fcs0 \b\cf22 \tscfirstcol Grid Table 5 Dark Accent 1;}{\*\ts137\tsrowd\tscellcfpat0\tscellcbpat82\tscellpct0\tsbrdrt\brdrs\brdrw10\brdrcf22 \tsbrdrb\brdrs\brdrw10\brdrcf22 \tsbrdrr
\brdrs\brdrw10\brdrcf22 \tsbrdrv\brdrnone \rtlch\fcs1 \ab\af31507 \ltrch\fcs0 \b\cf22 \tsclastcol Grid Table 5 Dark Accent 1;}{\*\ts137\tsrowd\tscellcfpat0\tscellcbpat33\tscellpct0 \rtlch\fcs1 \af31507 \ltrch\fcs0 \tscbandvertodd 
Grid Table 5 Dark Accent 1;}{\*\ts137\tsrowd\tscellcfpat0\tscellcbpat33\tscellpct0 \rtlch\fcs1 \af31507 \ltrch\fcs0 \tscbandhorzodd Grid Table 5 Dark Accent 1;}{\*\ts138\tsrowd\trbrdrt\brdrs\brdrw10\brdrcf22 \trbrdrl\brdrs\brdrw10\brdrcf22 \trbrdrb
\brdrs\brdrw10\brdrcf22 \trbrdrr\brdrs\brdrw10\brdrcf22 \trbrdrh\brdrs\brdrw10\brdrcf22 \trbrdrv\brdrs\brdrw10\brdrcf22 
\trftsWidthB3\trpaddl108\trpaddr108\trpaddfl3\trpaddft3\trpaddfb3\trpaddfr3\tscbandsh1\tscbandsv1\tblind0\tblindtype3\tsvertalt\tscellcbpat44\tsbrdrt\tsbrdrl\tsbrdrb\tsbrdrr\tsbrdrdgl\tsbrdrdgr\tsbrdrh\tsbrdrv 
\ql \li0\ri0\sb160\widctlpar\wrapdefault\aspalpha\aspnum\faauto\adjustright\rin0\lin0\itap0 \rtlch\fcs1 \af31507\afs22\alang1025 \ltrch\fcs0 \f31506\fs22\lang1033\langfe1033\cgrid\langnp1033\langfenp1033 
\sbasedon11 \snext138 \spriority50 \styrsid15940483 Grid Table 5 Dark Accent 2;}{\*\ts138\tsrowd\tscellcfpat0\tscellcbpat80\tscellpct0\tsbrdrt\brdrs\brdrw10\brdrcf22 \tsbrdrl\brdrs\brdrw10\brdrcf22 \tsbrdrr\brdrs\brdrw10\brdrcf22 \tsbrdrh\brdrnone 
\tsbrdrv\brdrnone \rtlch\fcs1 \ab\af31507 \ltrch\fcs0 \b\cf22 \tscfirstrow Grid Table 5 Dark Accent 2;}{\*\ts138\tsrowd\tscellcfpat0\tscellcbpat80\tscellpct0\tsbrdrl\brdrs\brdrw10\brdrcf22 \tsbrdrb\brdrs\brdrw10\brdrcf22 \tsbrdrr\brdrs\brdrw10\brdrcf22 
\tsbrdrh\brdrnone \tsbrdrv\brdrnone \rtlch\fcs1 \ab\af31507 \ltrch\fcs0 \b\cf22 \tsclastrow Grid Table 5 Dark Accent 2;}{\*\ts138\tsrowd\tscellcfpat0\tscellcbpat80\tscellpct0\tsbrdrt\brdrs\brdrw10\brdrcf22 \tsbrdrl\brdrs\brdrw10\brdrcf22 \tsbrdrb
\brdrs\brdrw10\brdrcf22 \tsbrdrv\brdrnone \rtlch\fcs1 \ab\af31507 \ltrch\fcs0 \b\cf22 \tscfirstcol Grid Table 5 Dark Accent 2;}{\*\ts138\tsrowd\tscellcfpat0\tscellcbpat80\tscellpct0\tsbrdrt\brdrs\brdrw10\brdrcf22 \tsbrdrb\brdrs\brdrw10\brdrcf22 \tsbrdrr
\brdrs\brdrw10\brdrcf22 \tsbrdrv\brdrnone \rtlch\fcs1 \ab\af31507 \ltrch\fcs0 \b\cf22 \tsclastcol Grid Table 5 Dark Accent 2;}{\*\ts138\tsrowd\tscellcfpat0\tscellcbpat45\tscellpct0 \rtlch\fcs1 \af31507 \ltrch\fcs0 \tscbandvertodd 
Grid Table 5 Dark Accent 2;}{\*\ts138\tsrowd\tscellcfpat0\tscellcbpat45\tscellpct0 \rtlch\fcs1 \af31507 \ltrch\fcs0 \tscbandhorzodd Grid Table 5 Dark Accent 2;}{\*\ts139\tsrowd\trbrdrt\brdrs\brdrw10\brdrcf22 \trbrdrl\brdrs\brdrw10\brdrcf22 \trbrdrb
\brdrs\brdrw10\brdrcf22 \trbrdrr\brdrs\brdrw10\brdrcf22 \trbrdrh\brdrs\brdrw10\brdrcf22 \trbrdrv\brdrs\brdrw10\brdrcf22 
\trftsWidthB3\trpaddl108\trpaddr108\trpaddfl3\trpaddft3\trpaddfb3\trpaddfr3\tscbandsh1\tscbandsv1\tblind0\tblindtype3\tsvertalt\tscellcbpat47\tsbrdrt\tsbrdrl\tsbrdrb\tsbrdrr\tsbrdrdgl\tsbrdrdgr\tsbrdrh\tsbrdrv 
\ql \li0\ri0\sb160\widctlpar\wrapdefault\aspalpha\aspnum\faauto\adjustright\rin0\lin0\itap0 \rtlch\fcs1 \af31507\afs22\alang1025 \ltrch\fcs0 \f31506\fs22\lang1033\langfe1033\cgrid\langnp1033\langfenp1033 
\sbasedon11 \snext139 \spriority50 \styrsid15940483 Grid Table 5 Dark Accent 3;}{\*\ts139\tsrowd\tscellcfpat0\tscellcbpat86\tscellpct0\tsbrdrt\brdrs\brdrw10\brdrcf22 \tsbrdrl\brdrs\brdrw10\brdrcf22 \tsbrdrr\brdrs\brdrw10\brdrcf22 \tsbrdrh\brdrnone 
\tsbrdrv\brdrnone \rtlch\fcs1 \ab\af31507 \ltrch\fcs0 \b\cf22 \tscfirstrow Grid Table 5 Dark Accent 3;}{\*\ts139\tsrowd\tscellcfpat0\tscellcbpat86\tscellpct0\tsbrdrl\brdrs\brdrw10\brdrcf22 \tsbrdrb\brdrs\brdrw10\brdrcf22 \tsbrdrr\brdrs\brdrw10\brdrcf22 
\tsbrdrh\brdrnone \tsbrdrv\brdrnone \rtlch\fcs1 \ab\af31507 \ltrch\fcs0 \b\cf22 \tsclastrow Grid Table 5 Dark Accent 3;}{\*\ts139\tsrowd\tscellcfpat0\tscellcbpat86\tscellpct0\tsbrdrt\brdrs\brdrw10\brdrcf22 \tsbrdrl\brdrs\brdrw10\brdrcf22 \tsbrdrb
\brdrs\brdrw10\brdrcf22 \tsbrdrv\brdrnone \rtlch\fcs1 \ab\af31507 \ltrch\fcs0 \b\cf22 \tscfirstcol Grid Table 5 Dark Accent 3;}{\*\ts139\tsrowd\tscellcfpat0\tscellcbpat86\tscellpct0\tsbrdrt\brdrs\brdrw10\brdrcf22 \tsbrdrb\brdrs\brdrw10\brdrcf22 \tsbrdrr
\brdrs\brdrw10\brdrcf22 \tsbrdrv\brdrnone \rtlch\fcs1 \ab\af31507 \ltrch\fcs0 \b\cf22 \tsclastcol Grid Table 5 Dark Accent 3;}{\*\ts139\tsrowd\tscellcfpat0\tscellcbpat48\tscellpct0 \rtlch\fcs1 \af31507 \ltrch\fcs0 \tscbandvertodd 
Grid Table 5 Dark Accent 3;}{\*\ts139\tsrowd\tscellcfpat0\tscellcbpat48\tscellpct0 \rtlch\fcs1 \af31507 \ltrch\fcs0 \tscbandhorzodd Grid Table 5 Dark Accent 3;}{\*\ts140\tsrowd\trbrdrt\brdrs\brdrw10\brdrcf22 \trbrdrl\brdrs\brdrw10\brdrcf22 \trbrdrb
\brdrs\brdrw10\brdrcf22 \trbrdrr\brdrs\brdrw10\brdrcf22 \trbrdrh\brdrs\brdrw10\brdrcf22 \trbrdrv\brdrs\brdrw10\brdrcf22 
\trftsWidthB3\trpaddl108\trpaddr108\trpaddfl3\trpaddft3\trpaddfb3\trpaddfr3\tscbandsh1\tscbandsv1\tblind0\tblindtype3\tsvertalt\tscellcbpat51\tsbrdrt\tsbrdrl\tsbrdrb\tsbrdrr\tsbrdrdgl\tsbrdrdgr\tsbrdrh\tsbrdrv 
\ql \li0\ri0\sb160\widctlpar\wrapdefault\aspalpha\aspnum\faauto\adjustright\rin0\lin0\itap0 \rtlch\fcs1 \af31507\afs22\alang1025 \ltrch\fcs0 \f31506\fs22\lang1033\langfe1033\cgrid\langnp1033\langfenp1033 
\sbasedon11 \snext140 \spriority50 \styrsid15940483 Grid Table 5 Dark Accent 4;}{\*\ts140\tsrowd\tscellcfpat0\tscellcbpat85\tscellpct0\tsbrdrt\brdrs\brdrw10\brdrcf22 \tsbrdrl\brdrs\brdrw10\brdrcf22 \tsbrdrr\brdrs\brdrw10\brdrcf22 \tsbrdrh\brdrnone 
\tsbrdrv\brdrnone \rtlch\fcs1 \ab\af31507 \ltrch\fcs0 \b\cf22 \tscfirstrow Grid Table 5 Dark Accent 4;}{\*\ts140\tsrowd\tscellcfpat0\tscellcbpat85\tscellpct0\tsbrdrl\brdrs\brdrw10\brdrcf22 \tsbrdrb\brdrs\brdrw10\brdrcf22 \tsbrdrr\brdrs\brdrw10\brdrcf22 
\tsbrdrh\brdrnone \tsbrdrv\brdrnone \rtlch\fcs1 \ab\af31507 \ltrch\fcs0 \b\cf22 \tsclastrow Grid Table 5 Dark Accent 4;}{\*\ts140\tsrowd\tscellcfpat0\tscellcbpat85\tscellpct0\tsbrdrt\brdrs\brdrw10\brdrcf22 \tsbrdrl\brdrs\brdrw10\brdrcf22 \tsbrdrb
\brdrs\brdrw10\brdrcf22 \tsbrdrv\brdrnone \rtlch\fcs1 \ab\af31507 \ltrch\fcs0 \b\cf22 \tscfirstcol Grid Table 5 Dark Accent 4;}{\*\ts140\tsrowd\tscellcfpat0\tscellcbpat85\tscellpct0\tsbrdrt\brdrs\brdrw10\brdrcf22 \tsbrdrb\brdrs\brdrw10\brdrcf22 \tsbrdrr
\brdrs\brdrw10\brdrcf22 \tsbrdrv\brdrnone \rtlch\fcs1 \ab\af31507 \ltrch\fcs0 \b\cf22 \tsclastcol Grid Table 5 Dark Accent 4;}{\*\ts140\tsrowd\tscellcfpat0\tscellcbpat52\tscellpct0 \rtlch\fcs1 \af31507 \ltrch\fcs0 \tscbandvertodd 
Grid Table 5 Dark Accent 4;}{\*\ts140\tsrowd\tscellcfpat0\tscellcbpat52\tscellpct0 \rtlch\fcs1 \af31507 \ltrch\fcs0 \tscbandhorzodd Grid Table 5 Dark Accent 4;}{\*\ts141\tsrowd\trbrdrt\brdrs\brdrw10\brdrcf22 \trbrdrl\brdrs\brdrw10\brdrcf22 \trbrdrb
\brdrs\brdrw10\brdrcf22 \trbrdrr\brdrs\brdrw10\brdrcf22 \trbrdrh\brdrs\brdrw10\brdrcf22 \trbrdrv\brdrs\brdrw10\brdrcf22 
\trftsWidthB3\trpaddl108\trpaddr108\trpaddfl3\trpaddft3\trpaddfb3\trpaddfr3\tscbandsh1\tscbandsv1\tblind0\tblindtype3\tsvertalt\tscellcbpat28\tsbrdrt\tsbrdrl\tsbrdrb\tsbrdrr\tsbrdrdgl\tsbrdrdgr\tsbrdrh\tsbrdrv 
\ql \li0\ri0\sb160\widctlpar\wrapdefault\aspalpha\aspnum\faauto\adjustright\rin0\lin0\itap0 \rtlch\fcs1 \af31507\afs22\alang1025 \ltrch\fcs0 \f31506\fs22\lang1033\langfe1033\cgrid\langnp1033\langfenp1033 
\sbasedon11 \snext141 \spriority50 \styrsid15940483 Grid Table 5 Dark Accent 5;}{\*\ts141\tsrowd\tscellcfpat0\tscellcbpat17\tscellpct0\tsbrdrt\brdrs\brdrw10\brdrcf22 \tsbrdrl\brdrs\brdrw10\brdrcf22 \tsbrdrr\brdrs\brdrw10\brdrcf22 \tsbrdrh\brdrnone 
\tsbrdrv\brdrnone \rtlch\fcs1 \ab\af31507 \ltrch\fcs0 \b\cf22 \tscfirstrow Grid Table 5 Dark Accent 5;}{\*\ts141\tsrowd\tscellcfpat0\tscellcbpat17\tscellpct0\tsbrdrl\brdrs\brdrw10\brdrcf22 \tsbrdrb\brdrs\brdrw10\brdrcf22 \tsbrdrr\brdrs\brdrw10\brdrcf22 
\tsbrdrh\brdrnone \tsbrdrv\brdrnone \rtlch\fcs1 \ab\af31507 \ltrch\fcs0 \b\cf22 \tsclastrow Grid Table 5 Dark Accent 5;}{\*\ts141\tsrowd\tscellcfpat0\tscellcbpat17\tscellpct0\tsbrdrt\brdrs\brdrw10\brdrcf22 \tsbrdrl\brdrs\brdrw10\brdrcf22 \tsbrdrb
\brdrs\brdrw10\brdrcf22 \tsbrdrv\brdrnone \rtlch\fcs1 \ab\af31507 \ltrch\fcs0 \b\cf22 \tscfirstcol Grid Table 5 Dark Accent 5;}{\*\ts141\tsrowd\tscellcfpat0\tscellcbpat17\tscellpct0\tsbrdrt\brdrs\brdrw10\brdrcf22 \tsbrdrb\brdrs\brdrw10\brdrcf22 \tsbrdrr
\brdrs\brdrw10\brdrcf22 \tsbrdrv\brdrnone \rtlch\fcs1 \ab\af31507 \ltrch\fcs0 \b\cf22 \tsclastcol Grid Table 5 Dark Accent 5;}{\*\ts141\tsrowd\tscellcfpat0\tscellcbpat55\tscellpct0 \rtlch\fcs1 \af31507 \ltrch\fcs0 \tscbandvertodd 
Grid Table 5 Dark Accent 5;}{\*\ts141\tsrowd\tscellcfpat0\tscellcbpat55\tscellpct0 \rtlch\fcs1 \af31507 \ltrch\fcs0 \tscbandhorzodd Grid Table 5 Dark Accent 5;}{\*\ts142\tsrowd\trbrdrt\brdrs\brdrw10\brdrcf22 \trbrdrl\brdrs\brdrw10\brdrcf22 \trbrdrb
\brdrs\brdrw10\brdrcf22 \trbrdrr\brdrs\brdrw10\brdrcf22 \trbrdrh\brdrs\brdrw10\brdrcf22 \trbrdrv\brdrs\brdrw10\brdrcf22 
\trftsWidthB3\trpaddl108\trpaddr108\trpaddfl3\trpaddft3\trpaddfb3\trpaddfr3\tscbandsh1\tscbandsv1\tblind0\tblindtype3\tsvertalt\tscellcbpat58\tsbrdrt\tsbrdrl\tsbrdrb\tsbrdrr\tsbrdrdgl\tsbrdrdgr\tsbrdrh\tsbrdrv 
\ql \li0\ri0\sb160\widctlpar\wrapdefault\aspalpha\aspnum\faauto\adjustright\rin0\lin0\itap0 \rtlch\fcs1 \af31507\afs22\alang1025 \ltrch\fcs0 \f31506\fs22\lang1033\langfe1033\cgrid\langnp1033\langfenp1033 
\sbasedon11 \snext142 \spriority50 \styrsid15940483 Grid Table 5 Dark Accent 6;}{\*\ts142\tsrowd\tscellcfpat0\tscellcbpat89\tscellpct0\tsbrdrt\brdrs\brdrw10\brdrcf22 \tsbrdrl\brdrs\brdrw10\brdrcf22 \tsbrdrr\brdrs\brdrw10\brdrcf22 \tsbrdrh\brdrnone 
\tsbrdrv\brdrnone \rtlch\fcs1 \ab\af31507 \ltrch\fcs0 \b\cf22 \tscfirstrow Grid Table 5 Dark Accent 6;}{\*\ts142\tsrowd\tscellcfpat0\tscellcbpat89\tscellpct0\tsbrdrl\brdrs\brdrw10\brdrcf22 \tsbrdrb\brdrs\brdrw10\brdrcf22 \tsbrdrr\brdrs\brdrw10\brdrcf22 
\tsbrdrh\brdrnone \tsbrdrv\brdrnone \rtlch\fcs1 \ab\af31507 \ltrch\fcs0 \b\cf22 \tsclastrow Grid Table 5 Dark Accent 6;}{\*\ts142\tsrowd\tscellcfpat0\tscellcbpat89\tscellpct0\tsbrdrt\brdrs\brdrw10\brdrcf22 \tsbrdrl\brdrs\brdrw10\brdrcf22 \tsbrdrb
\brdrs\brdrw10\brdrcf22 \tsbrdrv\brdrnone \rtlch\fcs1 \ab\af31507 \ltrch\fcs0 \b\cf22 \tscfirstcol Grid Table 5 Dark Accent 6;}{\*\ts142\tsrowd\tscellcfpat0\tscellcbpat89\tscellpct0\tsbrdrt\brdrs\brdrw10\brdrcf22 \tsbrdrb\brdrs\brdrw10\brdrcf22 \tsbrdrr
\brdrs\brdrw10\brdrcf22 \tsbrdrv\brdrnone \rtlch\fcs1 \ab\af31507 \ltrch\fcs0 \b\cf22 \tsclastcol Grid Table 5 Dark Accent 6;}{\*\ts142\tsrowd\tscellcfpat0\tscellcbpat29\tscellpct0 \rtlch\fcs1 \af31507 \ltrch\fcs0 \tscbandvertodd 
Grid Table 5 Dark Accent 6;}{\*\ts142\tsrowd\tscellcfpat0\tscellcbpat29\tscellpct0 \rtlch\fcs1 \af31507 \ltrch\fcs0 \tscbandhorzodd Grid Table 5 Dark Accent 6;}{\*\ts143\tsrowd\trbrdrt\brdrs\brdrw10\brdrcf25 \trbrdrl\brdrs\brdrw10\brdrcf25 \trbrdrb
\brdrs\brdrw10\brdrcf25 \trbrdrr\brdrs\brdrw10\brdrcf25 \trbrdrh\brdrs\brdrw10\brdrcf25 \trbrdrv\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2\lang1033\langfe1033\cgrid\langnp1033\langfenp1033 
\sbasedon11 \snext143 \spriority51 \styrsid15940483 Grid Table 6 Colorful;}{\*\ts143\tsrowd\tsbrdrb\brdrs\brdrw30\brdrcf25 \rtlch\fcs1 \ab\af31507 \ltrch\fcs0 \b \tscfirstrow Grid Table 6 Colorful;}{\*\ts143\tsrowd\tsbrdrt\brdrdb\brdrw10\brdrcf25 
\rtlch\fcs1 \ab\af31507 \ltrch\fcs0 \b \tsclastrow Grid Table 6 Colorful;}{\*\ts143\tsrowd \rtlch\fcs1 \ab\af31507 \ltrch\fcs0 \b \tscfirstcol Grid Table 6 Colorful;}{\*\ts143\tsrowd \rtlch\fcs1 \ab\af31507 \ltrch\fcs0 \b \tsclastcol 
Grid Table 6 Colorful;}{\*\ts143\tsrowd\tscellcfpat0\tscellcbpat31\tscellpct0 \rtlch\fcs1 \af31507 \ltrch\fcs0 \tscbandvertodd Grid Table 6 Colorful;}{\*\ts143\tsrowd\tscellcfpat0\tscellcbpat31\tscellpct0 \rtlch\fcs1 \af31507 \ltrch\fcs0 \tscbandhorzodd 
Grid Table 6 Colorful;}{\*\ts144\tsrowd\trbrdrt\brdrs\brdrw10\brdrcf34 \trbrdrl\brdrs\brdrw10\brdrcf34 \trbrdrb\brdrs\brdrw10\brdrcf34 \trbrdrr\brdrs\brdrw10\brdrcf34 \trbrdrh\brdrs\brdrw10\brdrcf34 \trbrdrv\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2\lang1033\langfe1033\cgrid\langnp1033\langfenp1033 
\sbasedon11 \snext144 \spriority51 \styrsid15940483 Grid Table 6 Colorful Accent 1;}{\*\ts144\tsrowd\tsbrdrb\brdrs\brdrw30\brdrcf34 \rtlch\fcs1 \ab\af31507 \ltrch\fcs0 \b \tscfirstrow Grid Table 6 Colorful Accent 1;}{\*\ts144\tsrowd\tsbrdrt
\brdrdb\brdrw10\brdrcf34 \rtlch\fcs1 \ab\af31507 \ltrch\fcs0 \b \tsclastrow Grid Table 6 Colorful Accent 1;}{\*\ts144\tsrowd \rtlch\fcs1 \ab\af31507 \ltrch\fcs0 \b \tscfirstcol Grid Table 6 Colorful Accent 1;}{\*\ts144\tsrowd \rtlch\fcs1 \ab\af31507 
\ltrch\fcs0 \b \tsclastcol Grid Table 6 Colorful Accent 1;}{\*\ts144\tsrowd\tscellcfpat0\tscellcbpat41\tscellpct0 \rtlch\fcs1 \af31507 \ltrch\fcs0 \tscbandvertodd Grid Table 6 Colorful Accent 1;}{\*\ts144\tsrowd\tscellcfpat0\tscellcbpat41\tscellpct0 
\rtlch\fcs1 \af31507 \ltrch\fcs0 \tscbandhorzodd Grid Table 6 Colorful Accent 1;}{\*\ts145\tsrowd\trbrdrt\brdrs\brdrw10\brdrcf98 \trbrdrl\brdrs\brdrw10\brdrcf98 \trbrdrb\brdrs\brdrw10\brdrcf98 \trbrdrr\brdrs\brdrw10\brdrcf98 \trbrdrh
\brdrs\brdrw10\brdrcf98 \trbrdrv\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6\lang1033\langfe1033\cgrid\langnp1033\langfenp1033 
\sbasedon11 \snext145 \spriority51 \styrsid15940483 Grid Table 6 Colorful Accent 2;}{\*\ts145\tsrowd\tsbrdrb\brdrs\brdrw30\brdrcf98 \rtlch\fcs1 \ab\af31507 \ltrch\fcs0 \b \tscfirstrow Grid Table 6 Colorful Accent 2;}{\*\ts145\tsrowd\tsbrdrt
\brdrdb\brdrw10\brdrcf98 \rtlch\fcs1 \ab\af31507 \ltrch\fcs0 \b \tsclastrow Grid Table 6 Colorful Accent 2;}{\*\ts145\tsrowd \rtlch\fcs1 \ab\af31507 \ltrch\fcs0 \b \tscfirstcol Grid Table 6 Colorful Accent 2;}{\*\ts145\tsrowd \rtlch\fcs1 \ab\af31507 
\ltrch\fcs0 \b \tsclastcol Grid Table 6 Colorful Accent 2;}{\*\ts145\tsrowd\tscellcfpat0\tscellcbpat44\tscellpct0 \rtlch\fcs1 \af31507 \ltrch\fcs0 \tscbandvertodd Grid Table 6 Colorful Accent 2;}{\*\ts145\tsrowd\tscellcfpat0\tscellcbpat44\tscellpct0 
\rtlch\fcs1 \af31507 \ltrch\fcs0 \tscbandhorzodd Grid Table 6 Colorful Accent 2;}{\*\ts146\tsrowd\trbrdrt\brdrs\brdrw10\brdrcf99 \trbrdrl\brdrs\brdrw10\brdrcf99 \trbrdrb\brdrs\brdrw10\brdrcf99 \trbrdrr\brdrs\brdrw10\brdrcf99 \trbrdrh
\brdrs\brdrw10\brdrcf99 \trbrdrv\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9\lang1033\langfe1033\cgrid\langnp1033\langfenp1033 
\sbasedon11 \snext146 \spriority51 \styrsid15940483 Grid Table 6 Colorful Accent 3;}{\*\ts146\tsrowd\tsbrdrb\brdrs\brdrw30\brdrcf99 \rtlch\fcs1 \ab\af31507 \ltrch\fcs0 \b \tscfirstrow Grid Table 6 Colorful Accent 3;}{\*\ts146\tsrowd\tsbrdrt
\brdrdb\brdrw10\brdrcf99 \rtlch\fcs1 \ab\af31507 \ltrch\fcs0 \b \tsclastrow Grid Table 6 Colorful Accent 3;}{\*\ts146\tsrowd \rtlch\fcs1 \ab\af31507 \ltrch\fcs0 \b \tscfirstcol Grid Table 6 Colorful Accent 3;}{\*\ts146\tsrowd \rtlch\fcs1 \ab\af31507 
\ltrch\fcs0 \b \tsclastcol Grid Table 6 Colorful Accent 3;}{\*\ts146\tsrowd\tscellcfpat0\tscellcbpat47\tscellpct0 \rtlch\fcs1 \af31507 \ltrch\fcs0 \tscbandvertodd Grid Table 6 Colorful Accent 3;}{\*\ts146\tsrowd\tscellcfpat0\tscellcbpat47\tscellpct0 
\rtlch\fcs1 \af31507 \ltrch\fcs0 \tscbandhorzodd Grid Table 6 Colorful Accent 3;}{\*\ts147\tsrowd\trbrdrt\brdrs\brdrw10\brdrcf100 \trbrdrl\brdrs\brdrw10\brdrcf100 \trbrdrb\brdrs\brdrw10\brdrcf100 \trbrdrr\brdrs\brdrw10\brdrcf100 \trbrdrh
\brdrs\brdrw10\brdrcf100 \trbrdrv\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3\lang1033\langfe1033\cgrid\langnp1033\langfenp1033 
\sbasedon11 \snext147 \spriority51 \styrsid15940483 Grid Table 6 Colorful Accent 4;}{\*\ts147\tsrowd\tsbrdrb\brdrs\brdrw30\brdrcf100 \rtlch\fcs1 \ab\af31507 \ltrch\fcs0 \b \tscfirstrow Grid Table 6 Colorful Accent 4;}{\*\ts147\tsrowd\tsbrdrt
\brdrdb\brdrw10\brdrcf100 \rtlch\fcs1 \ab\af31507 \ltrch\fcs0 \b \tsclastrow Grid Table 6 Colorful Accent 4;}{\*\ts147\tsrowd \rtlch\fcs1 \ab\af31507 \ltrch\fcs0 \b \tscfirstcol Grid Table 6 Colorful Accent 4;}{\*\ts147\tsrowd \rtlch\fcs1 \ab\af31507 
\ltrch\fcs0 \b \tsclastcol Grid Table 6 Colorful Accent 4;}{\*\ts147\tsrowd\tscellcfpat0\tscellcbpat51\tscellpct0 \rtlch\fcs1 \af31507 \ltrch\fcs0 \tscbandvertodd Grid Table 6 Colorful Accent 4;}{\*\ts147\tsrowd\tscellcfpat0\tscellcbpat51\tscellpct0 
\rtlch\fcs1 \af31507 \ltrch\fcs0 \tscbandhorzodd Grid Table 6 Colorful Accent 4;}{\*\ts148\tsrowd\trbrdrt\brdrs\brdrw10\brdrcf26 \trbrdrl\brdrs\brdrw10\brdrcf26 \trbrdrb\brdrs\brdrw10\brdrcf26 \trbrdrr\brdrs\brdrw10\brdrcf26 \trbrdrh
\brdrs\brdrw10\brdrcf26 \trbrdrv\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6\lang1033\langfe1033\cgrid\langnp1033\langfenp1033 
\sbasedon11 \snext148 \spriority51 \styrsid15940483 Grid Table 6 Colorful Accent 5;}{\*\ts148\tsrowd\tsbrdrb\brdrs\brdrw30\brdrcf26 \rtlch\fcs1 \ab\af31507 \ltrch\fcs0 \b \tscfirstrow Grid Table 6 Colorful Accent 5;}{\*\ts148\tsrowd\tsbrdrt
\brdrdb\brdrw10\brdrcf26 \rtlch\fcs1 \ab\af31507 \ltrch\fcs0 \b \tsclastrow Grid Table 6 Colorful Accent 5;}{\*\ts148\tsrowd \rtlch\fcs1 \ab\af31507 \ltrch\fcs0 \b \tscfirstcol Grid Table 6 Colorful Accent 5;}{\*\ts148\tsrowd \rtlch\fcs1 \ab\af31507 
\ltrch\fcs0 \b \tsclastcol Grid Table 6 Colorful Accent 5;}{\*\ts148\tsrowd\tscellcfpat0\tscellcbpat28\tscellpct0 \rtlch\fcs1 \af31507 \ltrch\fcs0 \tscbandvertodd Grid Table 6 Colorful Accent 5;}{\*\ts148\tsrowd\tscellcfpat0\tscellcbpat28\tscellpct0 
\rtlch\fcs1 \af31507 \ltrch\fcs0 \tscbandhorzodd Grid Table 6 Colorful Accent 5;}{\*\ts149\tsrowd\trbrdrt\brdrs\brdrw10\brdrcf30 \trbrdrl\brdrs\brdrw10\brdrcf30 \trbrdrb\brdrs\brdrw10\brdrcf30 \trbrdrr\brdrs\brdrw10\brdrcf30 \trbrdrh
\brdrs\brdrw10\brdrcf30 \trbrdrv\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9\lang1033\langfe1033\cgrid\langnp1033\langfenp1033 
\sbasedon11 \snext149 \spriority51 \styrsid15940483 Grid Table 6 Colorful Accent 6;}{\*\ts149\tsrowd\tsbrdrb\brdrs\brdrw30\brdrcf30 \rtlch\fcs1 \ab\af31507 \ltrch\fcs0 \b \tscfirstrow Grid Table 6 Colorful Accent 6;}{\*\ts149\tsrowd\tsbrdrt
\brdrdb\brdrw10\brdrcf30 \rtlch\fcs1 \ab\af31507 \ltrch\fcs0 \b \tsclastrow Grid Table 6 Colorful Accent 6;}{\*\ts149\tsrowd \rtlch\fcs1 \ab\af31507 \ltrch\fcs0 \b \tscfirstcol Grid Table 6 Colorful Accent 6;}{\*\ts149\tsrowd \rtlch\fcs1 \ab\af31507 
\ltrch\fcs0 \b \tsclastcol Grid Table 6 Colorful Accent 6;}{\*\ts149\tsrowd\tscellcfpat0\tscellcbpat58\tscellpct0 \rtlch\fcs1 \af31507 \ltrch\fcs0 \tscbandvertodd Grid Table 6 Colorful Accent 6;}{\*\ts149\tsrowd\tscellcfpat0\tscellcbpat58\tscellpct0 
\rtlch\fcs1 \af31507 \ltrch\fcs0 \tscbandhorzodd Grid Table 6 Colorful Accent 6;}{\*\ts150\tsrowd\trbrdrt\brdrs\brdrw10\brdrcf25 \trbrdrl\brdrs\brdrw10\brdrcf25 \trbrdrb\brdrs\brdrw10\brdrcf25 \trbrdrr\brdrs\brdrw10\brdrcf25 \trbrdrh
\brdrs\brdrw10\brdrcf25 \trbrdrv\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2\lang1033\langfe1033\cgrid\langnp1033\langfenp1033 
\sbasedon11 \snext150 \spriority52 \styrsid15940483 Grid Table 7 Colorful;}{\*\ts150\tsrowd\tscellcfpat0\tscellcbpat22\tscellpct0\tsbrdrt\brdrnone \tsbrdrl\brdrnone \tsbrdrr\brdrnone \tsbrdrh\brdrnone \tsbrdrv\brdrnone \rtlch\fcs1 \ab\af31507 \ltrch\fcs0 
\b \tscfirstrow Grid Table 7 Colorful;}{\*\ts150\tsrowd\tscellcfpat0\tscellcbpat22\tscellpct0\tsbrdrl\brdrnone \tsbrdrb\brdrnone \tsbrdrr\brdrnone \tsbrdrh\brdrnone \tsbrdrv\brdrnone \rtlch\fcs1 \ab\af31507 \ltrch\fcs0 \b \tsclastrow 
Grid Table 7 Colorful;}{\*\ts150\tsrowd\tscellcfpat0\tscellcbpat22\tscellpct0\tsbrdrt\brdrnone \tsbrdrl\brdrnone \tsbrdrb\brdrnone \tsbrdrh\brdrnone \tsbrdrv\brdrnone \qr \rtlch\fcs1 \ai\af31507 \ltrch\fcs0 \i \tscfirstcol Grid Table 7 Colorful;}{\*
\ts150\tsrowd\tscellcfpat0\tscellcbpat22\tscellpct0\tsbrdrt\brdrnone \tsbrdrb\brdrnone \tsbrdrr\brdrnone \tsbrdrh\brdrnone \tsbrdrv\brdrnone \rtlch\fcs1 \ai\af31507 \ltrch\fcs0 \i \tsclastcol Grid Table 7 Colorful;}{\*
\ts150\tsrowd\tscellcfpat0\tscellcbpat31\tscellpct0 \rtlch\fcs1 \af31507 \ltrch\fcs0 \tscbandvertodd Grid Table 7 Colorful;}{\*\ts150\tsrowd\tscellcfpat0\tscellcbpat31\tscellpct0 \rtlch\fcs1 \af31507 \ltrch\fcs0 \tscbandhorzodd Grid Table 7 Colorful;}{\*
\ts150\tsrowd\tsbrdrb\brdrs\brdrw10\brdrcf25 \rtlch\fcs1 \af31507 \ltrch\fcs0 \tscnecell Grid Table 7 Colorful;}{\*\ts150\tsrowd\tsbrdrb\brdrs\brdrw10\brdrcf25 \rtlch\fcs1 \af31507 \ltrch\fcs0 \tscnwcell Grid Table 7 Colorful;}{\*\ts150\tsrowd\tsbrdrt
\brdrs\brdrw10\brdrcf25 \rtlch\fcs1 \af31507 \ltrch\fcs0 \tscsecell Grid Table 7 Colorful;}{\*\ts150\tsrowd\tsbrdrt\brdrs\brdrw10\brdrcf25 \rtlch\fcs1 \af31507 \ltrch\fcs0 \tscswcell Grid Table 7 Colorful;}{\*\ts151\tsrowd\trbrdrt\brdrs\brdrw10\brdrcf34 
\trbrdrl\brdrs\brdrw10\brdrcf34 \trbrdrb\brdrs\brdrw10\brdrcf34 \trbrdrr\brdrs\brdrw10\brdrcf34 \trbrdrh\brdrs\brdrw10\brdrcf34 \trbrdrv\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2\lang1033\langfe1033\cgrid\langnp1033\langfenp1033 
\sbasedon11 \snext151 \spriority52 \styrsid15940483 Grid Table 7 Colorful Accent 1;}{\*\ts151\tsrowd\tscellcfpat0\tscellcbpat22\tscellpct0\tsbrdrt\brdrnone \tsbrdrl\brdrnone \tsbrdrr\brdrnone \tsbrdrh\brdrnone \tsbrdrv\brdrnone \rtlch\fcs1 \ab\af31507 
\ltrch\fcs0 \b \tscfirstrow Grid Table 7 Colorful Accent 1;}{\*\ts151\tsrowd\tscellcfpat0\tscellcbpat22\tscellpct0\tsbrdrl\brdrnone \tsbrdrb\brdrnone \tsbrdrr\brdrnone \tsbrdrh\brdrnone \tsbrdrv\brdrnone \rtlch\fcs1 \ab\af31507 \ltrch\fcs0 \b \tsclastrow 
Grid Table 7 Colorful Accent 1;}{\*\ts151\tsrowd\tscellcfpat0\tscellcbpat22\tscellpct0\tsbrdrt\brdrnone \tsbrdrl\brdrnone \tsbrdrb\brdrnone \tsbrdrh\brdrnone \tsbrdrv\brdrnone \qr \rtlch\fcs1 \ai\af31507 \ltrch\fcs0 \i \tscfirstcol 
Grid Table 7 Colorful Accent 1;}{\*\ts151\tsrowd\tscellcfpat0\tscellcbpat22\tscellpct0\tsbrdrt\brdrnone \tsbrdrb\brdrnone \tsbrdrr\brdrnone \tsbrdrh\brdrnone \tsbrdrv\brdrnone \rtlch\fcs1 \ai\af31507 \ltrch\fcs0 \i \tsclastcol 
Grid Table 7 Colorful Accent 1;}{\*\ts151\tsrowd\tscellcfpat0\tscellcbpat41\tscellpct0 \rtlch\fcs1 \af31507 \ltrch\fcs0 \tscbandvertodd Grid Table 7 Colorful Accent 1;}{\*\ts151\tsrowd\tscellcfpat0\tscellcbpat41\tscellpct0 \rtlch\fcs1 \af31507 
\ltrch\fcs0 \tscbandhorzodd Grid Table 7 Colorful Accent 1;}{\*\ts151\tsrowd\tsbrdrb\brdrs\brdrw10\brdrcf34 \rtlch\fcs1 \af31507 \ltrch\fcs0 \tscnecell Grid Table 7 Colorful Accent 1;}{\*\ts151\tsrowd\tsbrdrb\brdrs\brdrw10\brdrcf34 \rtlch\fcs1 \af31507 
\ltrch\fcs0 \tscnwcell Grid Table 7 Colorful Accent 1;}{\*\ts151\tsrowd\tsbrdrt\brdrs\brdrw10\brdrcf34 \rtlch\fcs1 \af31507 \ltrch\fcs0 \tscsecell Grid Table 7 Colorful Accent 1;}{\*\ts151\tsrowd\tsbrdrt\brdrs\brdrw10\brdrcf34 \rtlch\fcs1 \af31507 
\ltrch\fcs0 \tscswcell Grid Table 7 Colorful Accent 1;}{\*\ts152\tsrowd\trbrdrt\brdrs\brdrw10\brdrcf98 \trbrdrl\brdrs\brdrw10\brdrcf98 \trbrdrb\brdrs\brdrw10\brdrcf98 \trbrdrr\brdrs\brdrw10\brdrcf98 \trbrdrh\brdrs\brdrw10\brdrcf98 \trbrdrv
\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6\lang1033\langfe1033\cgrid\langnp1033\langfenp1033 
\sbasedon11 \snext152 \spriority52 \styrsid15940483 Grid Table 7 Colorful Accent 2;}{\*\ts152\tsrowd\tscellcfpat0\tscellcbpat22\tscellpct0\tsbrdrt\brdrnone \tsbrdrl\brdrnone \tsbrdrr\brdrnone \tsbrdrh\brdrnone \tsbrdrv\brdrnone \rtlch\fcs1 \ab\af31507 
\ltrch\fcs0 \b \tscfirstrow Grid Table 7 Colorful Accent 2;}{\*\ts152\tsrowd\tscellcfpat0\tscellcbpat22\tscellpct0\tsbrdrl\brdrnone \tsbrdrb\brdrnone \tsbrdrr\brdrnone \tsbrdrh\brdrnone \tsbrdrv\brdrnone \rtlch\fcs1 \ab\af31507 \ltrch\fcs0 \b \tsclastrow 
Grid Table 7 Colorful Accent 2;}{\*\ts152\tsrowd\tscellcfpat0\tscellcbpat22\tscellpct0\tsbrdrt\brdrnone \tsbrdrl\brdrnone \tsbrdrb\brdrnone \tsbrdrh\brdrnone \tsbrdrv\brdrnone \qr \rtlch\fcs1 \ai\af31507 \ltrch\fcs0 \i \tscfirstcol 
Grid Table 7 Colorful Accent 2;}{\*\ts152\tsrowd\tscellcfpat0\tscellcbpat22\tscellpct0\tsbrdrt\brdrnone \tsbrdrb\brdrnone \tsbrdrr\brdrnone \tsbrdrh\brdrnone \tsbrdrv\brdrnone \rtlch\fcs1 \ai\af31507 \ltrch\fcs0 \i \tsclastcol 
Grid Table 7 Colorful Accent 2;}{\*\ts152\tsrowd\tscellcfpat0\tscellcbpat44\tscellpct0 \rtlch\fcs1 \af31507 \ltrch\fcs0 \tscbandvertodd Grid Table 7 Colorful Accent 2;}{\*\ts152\tsrowd\tscellcfpat0\tscellcbpat44\tscellpct0 \rtlch\fcs1 \af31507 
\ltrch\fcs0 \tscbandhorzodd Grid Table 7 Colorful Accent 2;}{\*\ts152\tsrowd\tsbrdrb\brdrs\brdrw10\brdrcf98 \rtlch\fcs1 \af31507 \ltrch\fcs0 \tscnecell Grid Table 7 Colorful Accent 2;}{\*\ts152\tsrowd\tsbrdrb\brdrs\brdrw10\brdrcf98 \rtlch\fcs1 \af31507 
\ltrch\fcs0 \tscnwcell Grid Table 7 Colorful Accent 2;}{\*\ts152\tsrowd\tsbrdrt\brdrs\brdrw10\brdrcf98 \rtlch\fcs1 \af31507 \ltrch\fcs0 \tscsecell Grid Table 7 Colorful Accent 2;}{\*\ts152\tsrowd\tsbrdrt\brdrs\brdrw10\brdrcf98 \rtlch\fcs1 \af31507 
\ltrch\fcs0 \tscswcell Grid Table 7 Colorful Accent 2;}{\*\ts153\tsrowd\trbrdrt\brdrs\brdrw10\brdrcf99 \trbrdrl\brdrs\brdrw10\brdrcf99 \trbrdrb\brdrs\brdrw10\brdrcf99 \trbrdrr\brdrs\brdrw10\brdrcf99 \trbrdrh\brdrs\brdrw10\brdrcf99 \trbrdrv
\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9\lang1033\langfe1033\cgrid\langnp1033\langfenp1033 
\sbasedon11 \snext153 \spriority52 \styrsid15940483 Grid Table 7 Colorful Accent 3;}{\*\ts153\tsrowd\tscellcfpat0\tscellcbpat22\tscellpct0\tsbrdrt\brdrnone \tsbrdrl\brdrnone \tsbrdrr\brdrnone \tsbrdrh\brdrnone \tsbrdrv\brdrnone \rtlch\fcs1 \ab\af31507 
\ltrch\fcs0 \b \tscfirstrow Grid Table 7 Colorful Accent 3;}{\*\ts153\tsrowd\tscellcfpat0\tscellcbpat22\tscellpct0\tsbrdrl\brdrnone \tsbrdrb\brdrnone \tsbrdrr\brdrnone \tsbrdrh\brdrnone \tsbrdrv\brdrnone \rtlch\fcs1 \ab\af31507 \ltrch\fcs0 \b \tsclastrow 
Grid Table 7 Colorful Accent 3;}{\*\ts153\tsrowd\tscellcfpat0\tscellcbpat22\tscellpct0\tsbrdrt\brdrnone \tsbrdrl\brdrnone \tsbrdrb\brdrnone \tsbrdrh\brdrnone \tsbrdrv\brdrnone \qr \rtlch\fcs1 \ai\af31507 \ltrch\fcs0 \i \tscfirstcol 
Grid Table 7 Colorful Accent 3;}{\*\ts153\tsrowd\tscellcfpat0\tscellcbpat22\tscellpct0\tsbrdrt\brdrnone \tsbrdrb\brdrnone \tsbrdrr\brdrnone \tsbrdrh\brdrnone \tsbrdrv\brdrnone \rtlch\fcs1 \ai\af31507 \ltrch\fcs0 \i \tsclastcol 
Grid Table 7 Colorful Accent 3;}{\*\ts153\tsrowd\tscellcfpat0\tscellcbpat47\tscellpct0 \rtlch\fcs1 \af31507 \ltrch\fcs0 \tscbandvertodd Grid Table 7 Colorful Accent 3;}{\*\ts153\tsrowd\tscellcfpat0\tscellcbpat47\tscellpct0 \rtlch\fcs1 \af31507 
\ltrch\fcs0 \tscbandhorzodd Grid Table 7 Colorful Accent 3;}{\*\ts153\tsrowd\tsbrdrb\brdrs\brdrw10\brdrcf99 \rtlch\fcs1 \af31507 \ltrch\fcs0 \tscnecell Grid Table 7 Colorful Accent 3;}{\*\ts153\tsrowd\tsbrdrb\brdrs\brdrw10\brdrcf99 \rtlch\fcs1 \af31507 
\ltrch\fcs0 \tscnwcell Grid Table 7 Colorful Accent 3;}{\*\ts153\tsrowd\tsbrdrt\brdrs\brdrw10\brdrcf99 \rtlch\fcs1 \af31507 \ltrch\fcs0 \tscsecell Grid Table 7 Colorful Accent 3;}{\*\ts153\tsrowd\tsbrdrt\brdrs\brdrw10\brdrcf99 \rtlch\fcs1 \af31507 
\ltrch\fcs0 \tscswcell Grid Table 7 Colorful Accent 3;}{\*\ts154\tsrowd\trbrdrt\brdrs\brdrw10\brdrcf100 \trbrdrl\brdrs\brdrw10\brdrcf100 \trbrdrb\brdrs\brdrw10\brdrcf100 \trbrdrr\brdrs\brdrw10\brdrcf100 \trbrdrh\brdrs\brdrw10\brdrcf100 \trbrdrv
\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3\lang1033\langfe1033\cgrid\langnp1033\langfenp1033 
\sbasedon11 \snext154 \spriority52 \styrsid15940483 Grid Table 7 Colorful Accent 4;}{\*\ts154\tsrowd\tscellcfpat0\tscellcbpat22\tscellpct0\tsbrdrt\brdrnone \tsbrdrl\brdrnone \tsbrdrr\brdrnone \tsbrdrh\brdrnone \tsbrdrv\brdrnone \rtlch\fcs1 \ab\af31507 
\ltrch\fcs0 \b \tscfirstrow Grid Table 7 Colorful Accent 4;}{\*\ts154\tsrowd\tscellcfpat0\tscellcbpat22\tscellpct0\tsbrdrl\brdrnone \tsbrdrb\brdrnone \tsbrdrr\brdrnone \tsbrdrh\brdrnone \tsbrdrv\brdrnone \rtlch\fcs1 \ab\af31507 \ltrch\fcs0 \b \tsclastrow 
Grid Table 7 Colorful Accent 4;}{\*\ts154\tsrowd\tscellcfpat0\tscellcbpat22\tscellpct0\tsbrdrt\brdrnone \tsbrdrl\brdrnone \tsbrdrb\brdrnone \tsbrdrh\brdrnone \tsbrdrv\brdrnone \qr \rtlch\fcs1 \ai\af31507 \ltrch\fcs0 \i \tscfirstcol 
Grid Table 7 Colorful Accent 4;}{\*\ts154\tsrowd\tscellcfpat0\tscellcbpat22\tscellpct0\tsbrdrt\brdrnone \tsbrdrb\brdrnone \tsbrdrr\brdrnone \tsbrdrh\brdrnone \tsbrdrv\brdrnone \rtlch\fcs1 \ai\af31507 \ltrch\fcs0 \i \tsclastcol 
Grid Table 7 Colorful Accent 4;}{\*\ts154\tsrowd\tscellcfpat0\tscellcbpat51\tscellpct0 \rtlch\fcs1 \af31507 \ltrch\fcs0 \tscbandvertodd Grid Table 7 Colorful Accent 4;}{\*\ts154\tsrowd\tscellcfpat0\tscellcbpat51\tscellpct0 \rtlch\fcs1 \af31507 
\ltrch\fcs0 \tscbandhorzodd Grid Table 7 Colorful Accent 4;}{\*\ts154\tsrowd\tsbrdrb\brdrs\brdrw10\brdrcf100 \rtlch\fcs1 \af31507 \ltrch\fcs0 \tscnecell Grid Table 7 Colorful Accent 4;}{\*\ts154\tsrowd\tsbrdrb\brdrs\brdrw10\brdrcf100 \rtlch\fcs1 \af31507 
\ltrch\fcs0 \tscnwcell Grid Table 7 Colorful Accent 4;}{\*\ts154\tsrowd\tsbrdrt\brdrs\brdrw10\brdrcf100 \rtlch\fcs1 \af31507 \ltrch\fcs0 \tscsecell Grid Table 7 Colorful Accent 4;}{\*\ts154\tsrowd\tsbrdrt\brdrs\brdrw10\brdrcf100 \rtlch\fcs1 \af31507 
\ltrch\fcs0 \tscswcell Grid Table 7 Colorful Accent 4;}{\*\ts155\tsrowd\trbrdrt\brdrs\brdrw10\brdrcf26 \trbrdrl\brdrs\brdrw10\brdrcf26 \trbrdrb\brdrs\brdrw10\brdrcf26 \trbrdrr\brdrs\brdrw10\brdrcf26 \trbrdrh\brdrs\brdrw10\brdrcf26 \trbrdrv
\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6\lang1033\langfe1033\cgrid\langnp1033\langfenp1033 
\sbasedon11 \snext155 \spriority52 \styrsid15940483 Grid Table 7 Colorful Accent 5;}{\*\ts155\tsrowd\tscellcfpat0\tscellcbpat22\tscellpct0\tsbrdrt\brdrnone \tsbrdrl\brdrnone \tsbrdrr\brdrnone \tsbrdrh\brdrnone \tsbrdrv\brdrnone \rtlch\fcs1 \ab\af31507 
\ltrch\fcs0 \b \tscfirstrow Grid Table 7 Colorful Accent 5;}{\*\ts155\tsrowd\tscellcfpat0\tscellcbpat22\tscellpct0\tsbrdrl\brdrnone \tsbrdrb\brdrnone \tsbrdrr\brdrnone \tsbrdrh\brdrnone \tsbrdrv\brdrnone \rtlch\fcs1 \ab\af31507 \ltrch\fcs0 \b \tsclastrow 
Grid Table 7 Colorful Accent 5;}{\*\ts155\tsrowd\tscellcfpat0\tscellcbpat22\tscellpct0\tsbrdrt\brdrnone \tsbrdrl\brdrnone \tsbrdrb\brdrnone \tsbrdrh\brdrnone \tsbrdrv\brdrnone \qr \rtlch\fcs1 \ai\af31507 \ltrch\fcs0 \i \tscfirstcol 
Grid Table 7 Colorful Accent 5;}{\*\ts155\tsrowd\tscellcfpat0\tscellcbpat22\tscellpct0\tsbrdrt\brdrnone \tsbrdrb\brdrnone \tsbrdrr\brdrnone \tsbrdrh\brdrnone \tsbrdrv\brdrnone \rtlch\fcs1 \ai\af31507 \ltrch\fcs0 \i \tsclastcol 
Grid Table 7 Colorful Accent 5;}{\*\ts155\tsrowd\tscellcfpat0\tscellcbpat28\tscellpct0 \rtlch\fcs1 \af31507 \ltrch\fcs0 \tscbandvertodd Grid Table 7 Colorful Accent 5;}{\*\ts155\tsrowd\tscellcfpat0\tscellcbpat28\tscellpct0 \rtlch\fcs1 \af31507 
\ltrch\fcs0 \tscbandhorzodd Grid Table 7 Colorful Accent 5;}{\*\ts155\tsrowd\tsbrdrb\brdrs\brdrw10\brdrcf26 \rtlch\fcs1 \af31507 \ltrch\fcs0 \tscnecell Grid Table 7 Colorful Accent 5;}{\*\ts155\tsrowd\tsbrdrb\brdrs\brdrw10\brdrcf26 \rtlch\fcs1 \af31507 
\ltrch\fcs0 \tscnwcell Grid Table 7 Colorful Accent 5;}{\*\ts155\tsrowd\tsbrdrt\brdrs\brdrw10\brdrcf26 \rtlch\fcs1 \af31507 \ltrch\fcs0 \tscsecell Grid Table 7 Colorful Accent 5;}{\*\ts155\tsrowd\tsbrdrt\brdrs\brdrw10\brdrcf26 \rtlch\fcs1 \af31507 
\ltrch\fcs0 \tscswcell Grid Table 7 Colorful Accent 5;}{\*\ts156\tsrowd\trbrdrt\brdrs\brdrw10\brdrcf30 \trbrdrl\brdrs\brdrw10\brdrcf30 \trbrdrb\brdrs\brdrw10\brdrcf30 \trbrdrr\brdrs\brdrw10\brdrcf30 \trbrdrh\brdrs\brdrw10\brdrcf30 \trbrdrv
\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9\lang1033\langfe1033\cgrid\langnp1033\langfenp1033 
\sbasedon11 \snext156 \spriority52 \styrsid15940483 Grid Table 7 Colorful Accent 6;}{\*\ts156\tsrowd\tscellcfpat0\tscellcbpat22\tscellpct0\tsbrdrt\brdrnone \tsbrdrl\brdrnone \tsbrdrr\brdrnone \tsbrdrh\brdrnone \tsbrdrv\brdrnone \rtlch\fcs1 \ab\af31507 
\ltrch\fcs0 \b \tscfirstrow Grid Table 7 Colorful Accent 6;}{\*\ts156\tsrowd\tscellcfpat0\tscellcbpat22\tscellpct0\tsbrdrl\brdrnone \tsbrdrb\brdrnone \tsbrdrr\brdrnone \tsbrdrh\brdrnone \tsbrdrv\brdrnone \rtlch\fcs1 \ab\af31507 \ltrch\fcs0 \b \tsclastrow 
Grid Table 7 Colorful Accent 6;}{\*\ts156\tsrowd\tscellcfpat0\tscellcbpat22\tscellpct0\tsbrdrt\brdrnone \tsbrdrl\brdrnone \tsbrdrb\brdrnone \tsbrdrh\brdrnone \tsbrdrv\brdrnone \qr \rtlch\fcs1 \ai\af31507 \ltrch\fcs0 \i \tscfirstcol 
Grid Table 7 Colorful Accent 6;}{\*\ts156\tsrowd\tscellcfpat0\tscellcbpat22\tscellpct0\tsbrdrt\brdrnone \tsbrdrb\brdrnone \tsbrdrr\brdrnone \tsbrdrh\brdrnone \tsbrdrv\brdrnone \rtlch\fcs1 \ai\af31507 \ltrch\fcs0 \i \tsclastcol 
Grid Table 7 Colorful Accent 6;}{\*\ts156\tsrowd\tscellcfpat0\tscellcbpat58\tscellpct0 \rtlch\fcs1 \af31507 \ltrch\fcs0 \tscbandvertodd Grid Table 7 Colorful Accent 6;}{\*\ts156\tsrowd\tscellcfpat0\tscellcbpat58\tscellpct0 \rtlch\fcs1 \af31507 
\ltrch\fcs0 \tscbandhorzodd Grid Table 7 Colorful Accent 6;}{\*\ts156\tsrowd\tsbrdrb\brdrs\brdrw10\brdrcf30 \rtlch\fcs1 \af31507 \ltrch\fcs0 \tscnecell Grid Table 7 Colorful Accent 6;}{\*\ts156\tsrowd\tsbrdrb\brdrs\brdrw10\brdrcf30 \rtlch\fcs1 \af31507 
\ltrch\fcs0 \tscnwcell Grid Table 7 Colorful Accent 6;}{\*\ts156\tsrowd\tsbrdrt\brdrs\brdrw10\brdrcf30 \rtlch\fcs1 \af31507 \ltrch\fcs0 \tscsecell Grid Table 7 Colorful Accent 6;}{\*\ts156\tsrowd\tsbrdrt\brdrs\brdrw10\brdrcf30 \rtlch\fcs1 \af31507 
\ltrch\fcs0 \tscswcell Grid Table 7 Colorful Accent 6;}{\*\cs157 \additive \rtlch\fcs1 \af31503\afs24 \ltrch\fcs0 \fs24\cf20\loch\f31502\hich\af31502\dbch\af31501 \sbasedon10 \slink3 \slocked \ssemihidden \spriority6 \styrsid15940483 Heading 3 Char;}{\*
\cs158 \additive \rtlch\fcs1 \ai\af31503 \ltrch\fcs0 \i\cf19\loch\f31502\hich\af31502\dbch\af31501 \sbasedon10 \slink4 \slocked \ssemihidden \spriority6 \styrsid4749718 Heading 4 Char;}{\*\cs159 \additive \rtlch\fcs1 \af31503 \ltrch\fcs0 
\cf19\loch\f31502\hich\af31502\dbch\af31501 \sbasedon10 \slink5 \slocked \ssemihidden \spriority6 \styrsid4749718 Heading 5 Char;}{\*\cs160 \additive \rtlch\fcs1 \af31503 \ltrch\fcs0 \b\cf20\loch\f31502\hich\af31502\dbch\af31501 
\sbasedon10 \slink6 \slocked \ssemihidden \spriority6 \styrsid4749718 Heading 6 Char;}{\*\cs161 \additive \rtlch\fcs1 \ai\af31503 \ltrch\fcs0 \i\cf20\loch\f31502\hich\af31502\dbch\af31501 
\sbasedon10 \slink7 \slocked \ssemihidden \spriority6 \styrsid15940483 Heading 7 Char;}{\*\cs162 \additive \rtlch\fcs1 \af31503\afs21 \ltrch\fcs0 \fs21\cf21\loch\f31502\hich\af31502\dbch\af31501 
\sbasedon10 \slink8 \slocked \ssemihidden \spriority6 \styrsid15940483 Heading 8 Char;}{\*\cs163 \additive \rtlch\fcs1 \ai\af31503\afs21 \ltrch\fcs0 \i\fs21\cf21\loch\f31502\hich\af31502\dbch\af31501 
\sbasedon10 \slink9 \slocked \ssemihidden \spriority6 \styrsid15940483 Heading 9 Char;}{\*\cs164 \additive \rtlch\fcs1 \af0 \ltrch\fcs0 \sbasedon10 \ssemihidden \sunhideused \styrsid15940483 HTML Acronym;}{
\s165\ql \li0\ri0\widctlpar\wrapdefault\aspalpha\aspnum\faauto\adjustright\rin0\lin0\itap0 \rtlch\fcs1 \ai\af31507\afs22\alang1025 \ltrch\fcs0 \i\f31506\fs22\lang1033\langfe1033\cgrid\langnp1033\langfenp1033 
\sbasedon0 \snext165 \slink166 \ssemihidden \sunhideused \styrsid15940483 HTML Address;}{\*\cs166 \additive \rtlch\fcs1 \ai\af0 \ltrch\fcs0 \i \sbasedon10 \slink165 \slocked \ssemihidden \styrsid15940483 HTML Address Char;}{\*\cs167 \additive \rtlch\fcs1 
\ai\af0 \ltrch\fcs0 \i \sbasedon10 \ssemihidden \sunhideused \styrsid15940483 HTML Cite;}{\*\cs168 \additive \rtlch\fcs1 \af0\afs20 \ltrch\fcs0 \f42\fs20 \sbasedon10 \ssemihidden \sunhideused \styrsid15940483 HTML Code;}{\*\cs169 \additive \rtlch\fcs1 
\ai\af0 \ltrch\fcs0 \i \sbasedon10 \ssemihidden \sunhideused \styrsid15940483 HTML Definition;}{\*\cs170 \additive \rtlch\fcs1 \af0\afs20 \ltrch\fcs0 \f42\fs20 \sbasedon10 \ssemihidden \sunhideused \styrsid15940483 HTML Keyboard;}{
\s171\ql \li0\ri0\widctlpar\wrapdefault\aspalpha\aspnum\faauto\adjustright\rin0\lin0\itap0 \rtlch\fcs1 \af31507\afs20\alang1025 \ltrch\fcs0 \f42\fs22\lang1033\langfe1033\cgrid\langnp1033\langfenp1033 
\sbasedon0 \snext171 \slink172 \ssemihidden \sunhideused \styrsid15940483 HTML Preformatted;}{\*\cs172 \additive \rtlch\fcs1 \af0\afs20 \ltrch\fcs0 \f42\fs20 \sbasedon10 \slink171 \slocked \ssemihidden \styrsid15940483 HTML Preformatted Char;}{\*\cs173 
\additive \rtlch\fcs1 \af0\afs24 \ltrch\fcs0 \f42\fs24 \sbasedon10 \ssemihidden \sunhideused \styrsid15940483 HTML Sample;}{\*\cs174 \additive \rtlch\fcs1 \af0\afs20 \ltrch\fcs0 \f42\fs20 \sbasedon10 \ssemihidden \sunhideused \styrsid15940483 
HTML Typewriter;}{\*\cs175 \additive \rtlch\fcs1 \ai\af0 \ltrch\fcs0 \i \sbasedon10 \ssemihidden \sunhideused \styrsid15940483 HTML Variable;}{\s176\ql \fi-220\li220\ri0\widctlpar\wrapdefault\aspalpha\aspnum\faauto\adjustright\rin0\lin220\itap0 
\rtlch\fcs1 \af31507\afs22\alang1025 \ltrch\fcs0 \f31506\fs22\lang1033\langfe1033\cgrid\langnp1033\langfenp1033 \sbasedon0 \snext0 \sautoupd \ssemihidden \sunhideused \styrsid15940483 index 1;}{
\s177\ql \fi-220\li440\ri0\widctlpar\wrapdefault\aspalpha\aspnum\faauto\adjustright\rin0\lin440\itap0 \rtlch\fcs1 \af31507\afs22\alang1025 \ltrch\fcs0 \f31506\fs22\lang1033\langfe1033\cgrid\langnp1033\langfenp1033 
\sbasedon0 \snext0 \sautoupd \ssemihidden \sunhideused \styrsid15940483 index 2;}{\s178\ql \fi-220\li660\ri0\widctlpar\wrapdefault\aspalpha\aspnum\faauto\adjustright\rin0\lin660\itap0 \rtlch\fcs1 \af31507\afs22\alang1025 \ltrch\fcs0 
\f31506\fs22\lang1033\langfe1033\cgrid\langnp1033\langfenp1033 \sbasedon0 \snext0 \sautoupd \ssemihidden \sunhideused \styrsid15940483 index 3;}{\s179\ql \fi-220\li880\ri0\widctlpar\wrapdefault\aspalpha\aspnum\faauto\adjustright\rin0\lin880\itap0 
\rtlch\fcs1 \af31507\afs22\alang1025 \ltrch\fcs0 \f31506\fs22\lang1033\langfe1033\cgrid\langnp1033\langfenp1033 \sbasedon0 \snext0 \sautoupd \ssemihidden \sunhideused \styrsid15940483 index 4;}{
\s180\ql \fi-220\li1100\ri0\widctlpar\wrapdefault\aspalpha\aspnum\faauto\adjustright\rin0\lin1100\itap0 \rtlch\fcs1 \af31507\afs22\alang1025 \ltrch\fcs0 \f31506\fs22\lang1033\langfe1033\cgrid\langnp1033\langfenp1033 
\sbasedon0 \snext0 \sautoupd \ssemihidden \sunhideused \styrsid15940483 index 5;}{\s181\ql \fi-220\li1320\ri0\widctlpar\wrapdefault\aspalpha\aspnum\faauto\adjustright\rin0\lin1320\itap0 \rtlch\fcs1 \af31507\afs22\alang1025 \ltrch\fcs0 
\f31506\fs22\lang1033\langfe1033\cgrid\langnp1033\langfenp1033 \sbasedon0 \snext0 \sautoupd \ssemihidden \sunhideused \styrsid15940483 index 6;}{\s182\ql \fi-220\li1540\ri0\widctlpar\wrapdefault\aspalpha\aspnum\faauto\adjustright\rin0\lin1540\itap0 
\rtlch\fcs1 \af31507\afs22\alang1025 \ltrch\fcs0 \f31506\fs22\lang1033\langfe1033\cgrid\langnp1033\langfenp1033 \sbasedon0 \snext0 \sautoupd \ssemihidden \sunhideused \styrsid15940483 index 7;}{
\s183\ql \fi-220\li1760\ri0\widctlpar\wrapdefault\aspalpha\aspnum\faauto\adjustright\rin0\lin1760\itap0 \rtlch\fcs1 \af31507\afs22\alang1025 \ltrch\fcs0 \f31506\fs22\lang1033\langfe1033\cgrid\langnp1033\langfenp1033 
\sbasedon0 \snext0 \sautoupd \ssemihidden \sunhideused \styrsid15940483 index 8;}{\s184\ql \fi-220\li1980\ri0\widctlpar\wrapdefault\aspalpha\aspnum\faauto\adjustright\rin0\lin1980\itap0 \rtlch\fcs1 \af31507\afs22\alang1025 \ltrch\fcs0 
\f31506\fs22\lang1033\langfe1033\cgrid\langnp1033\langfenp1033 \sbasedon0 \snext0 \sautoupd \ssemihidden \sunhideused \styrsid15940483 index 9;}{\s185\ql \li0\ri0\sb160\sl259\slmult1
\widctlpar\wrapdefault\aspalpha\aspnum\faauto\adjustright\rin0\lin0\itap0 \rtlch\fcs1 \ab\af31503\afs22\alang1025 \ltrch\fcs0 \b\fs22\lang1033\langfe1033\loch\f31502\hich\af31502\dbch\af31501\cgrid\langnp1033\langfenp1033 
\sbasedon0 \snext176 \ssemihidden \sunhideused \styrsid15940483 index heading;}{\s186\qc \li0\ri0\sb360\sa360\sl259\slmult1\widctlpar\brdrt\brdrs\brdrw10\brsp200\brdrcf19 \brdrb\brdrs\brdrw10\brsp200\brdrcf19 
\wrapdefault\aspalpha\aspnum\faauto\adjustright\rin0\lin0\itap0 \rtlch\fcs1 \ai\af31507\afs22\alang1025 \ltrch\fcs0 \i\f31506\fs22\cf19\lang1033\langfe1033\cgrid\langnp1033\langfenp1033 
\sbasedon0 \snext0 \slink187 \ssemihidden \sunhideused \sqformat \spriority30 \styrsid5849684 Intense Quote;}{\*\cs187 \additive \rtlch\fcs1 \ai\af0 \ltrch\fcs0 \i\cf19 \sbasedon10 \slink186 \slocked \ssemihidden \spriority30 \styrsid5849684 
Intense Quote Char;}{\*\cs188 \additive \rtlch\fcs1 \ab\af0 \ltrch\fcs0 \b\scaps\caps0\expnd0\expndtw0\cf19 \sbasedon10 \ssemihidden \sunhideused \sqformat \spriority32 \styrsid5849684 Intense Reference;}{\*\ts189\tsrowd\trbrdrt\brdrs\brdrw20\brdrcf32 
\trbrdrl\brdrs\brdrw20\brdrcf32 \trbrdrb\brdrs\brdrw20\brdrcf32 \trbrdrr\brdrs\brdrw20\brdrcf32 \trbrdrh\brdrs\brdrw20\brdrcf32 \trbrdrv\brdrs\brdrw20\brdrcf3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89 \ssemihidden \sunhideused \spriority62 \styrsid15940483 Light Grid;}{\*\ts189\tsrowd\tsbrdrt\brdrs\brdrw20\brdrcf32 \tsbrdrl\brdrs\brdrw20\brdrcf32 \tsbrdrb\brdrs\brdrw45\brdrcf32 \tsbrdrr\brdrs\brdrw20\brdrcf32 \tsbrdrh\brdrnone 
\tsbrdrv\brdrs\brdrw20\brdrcf32 \sb0\sa0 \rtlch\fcs1 \ab\af31503 \ltrch\fcs0 \b\loch\f31502\hich\af31502\dbch\af31501 \tscfirstrow Light Grid;}{\*\ts189\tsrowd\tsbrdrt\brdrdb\brdrw15\brdrcf32 \tsbrdrl\brdrs\brdrw20\brdrcf32 \tsbrdrb
\brdrs\brdrw20\brdrcf32 \tsbrdrr\brdrs\brdrw20\brdrcf32 \tsbrdrh\brdrnone \tsbrdrv\brdrs\brdrw20\brdrcf32 \sb0\sa0 \rtlch\fcs1 \ab\af31503 \ltrch\fcs0 \b\loch\f31502\hich\af31502\dbch\af31501 \tsclastrow Light Grid;}{\*\ts189\tsrowd \rtlch\fcs1 
\ab\af31503 \ltrch\fcs0 \b\loch\f31502\hich\af31502\dbch\af31501 \tscfirstcol Light Grid;}{\*\ts189\tsrowd\tsbrdrt\brdrs\brdrw20\brdrcf32 \tsbrdrl\brdrs\brdrw20\brdrcf32 \tsbrdrb\brdrs\brdrw20\brdrcf32 \tsbrdrr\brdrs\brdrw20\brdrcf32 \rtlch\fcs1 
\ab\af31503 \ltrch\fcs0 \b\loch\f31502\hich\af31502\dbch\af31501 \tsclastcol Light Grid;}{\*\ts189\tsrowd\tscellcfpat0\tscellcbpat63\tscellpct0\tsbrdrt\brdrs\brdrw20\brdrcf32 \tsbrdrl\brdrs\brdrw20\brdrcf32 \tsbrdrb\brdrs\brdrw20\brdrcf32 \tsbrdrr
\brdrs\brdrw20\brdrcf32 \rtlch\fcs1 \af31507 \ltrch\fcs0 \tscbandvertodd Light Grid;}{\*\ts189\tsrowd\tscellcfpat0\tscellcbpat63\tscellpct0\tsbrdrt\brdrs\brdrw20\brdrcf32 \tsbrdrl\brdrs\brdrw20\brdrcf32 \tsbrdrb\brdrs\brdrw20\brdrcf32 \tsbrdrr
\brdrs\brdrw20\brdrcf32 \tsbrdrv\brdrs\brdrw20\brdrcf32 \rtlch\fcs1 \af31507 \ltrch\fcs0 \tscbandhorzodd Light Grid;}{\*\ts189\tsrowd\tsbrdrt\brdrs\brdrw20\brdrcf32 \tsbrdrl\brdrs\brdrw20\brdrcf32 \tsbrdrb\brdrs\brdrw20\brdrcf32 \tsbrdrr
\brdrs\brdrw20\brdrcf32 \tsbrdrv\brdrs\brdrw20\brdrcf32 \rtlch\fcs1 \af31507 \ltrch\fcs0 \tscbandhorzeven Light Grid;}{\*\ts190\tsrowd\trbrdrt\brdrs\brdrw20\brdrcf82 \trbrdrl\brdrs\brdrw20\brdrcf82 \trbrdrb\brdrs\brdrw20\brdrcf82 \trbrdrr
\brdrs\brdrw20\brdrcf82 \trbrdrh\brdrs\brdrw20\brdrcf82 \trbrdrv\brdrs\brdrw20\brdrcf8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0 \ssemihidden \sunhideused \spriority62 \styrsid15940483 Light Grid Accent 1;}{\*\ts190\tsrowd\tsbrdrt\brdrs\brdrw20\brdrcf82 \tsbrdrl\brdrs\brdrw20\brdrcf82 \tsbrdrb\brdrs\brdrw45\brdrcf82 \tsbrdrr\brdrs\brdrw20\brdrcf82 \tsbrdrh
\brdrnone \tsbrdrv\brdrs\brdrw20\brdrcf82 \sb0\sa0 \rtlch\fcs1 \ab\af31503 \ltrch\fcs0 \b\loch\f31502\hich\af31502\dbch\af31501 \tscfirstrow Light Grid Accent 1;}{\*\ts190\tsrowd\tsbrdrt\brdrdb\brdrw15\brdrcf82 \tsbrdrl\brdrs\brdrw20\brdrcf82 \tsbrdrb
\brdrs\brdrw20\brdrcf82 \tsbrdrr\brdrs\brdrw20\brdrcf82 \tsbrdrh\brdrnone \tsbrdrv\brdrs\brdrw20\brdrcf82 \sb0\sa0 \rtlch\fcs1 \ab\af31503 \ltrch\fcs0 \b\loch\f31502\hich\af31502\dbch\af31501 \tsclastrow Light Grid Accent 1;}{\*\ts190\tsrowd \rtlch\fcs1 
\ab\af31503 \ltrch\fcs0 \b\loch\f31502\hich\af31502\dbch\af31501 \tscfirstcol Light Grid Accent 1;}{\*\ts190\tsrowd\tsbrdrt\brdrs\brdrw20\brdrcf82 \tsbrdrl\brdrs\brdrw20\brdrcf82 \tsbrdrb\brdrs\brdrw20\brdrcf82 \tsbrdrr\brdrs\brdrw20\brdrcf82 \rtlch\fcs1 
\ab\af31503 \ltrch\fcs0 \b\loch\f31502\hich\af31502\dbch\af31501 \tsclastcol Light Grid Accent 1;}{\*\ts190\tsrowd\tscellcfpat0\tscellcbpat65\tscellpct0\tsbrdrt\brdrs\brdrw20\brdrcf82 \tsbrdrl\brdrs\brdrw20\brdrcf82 \tsbrdrb\brdrs\brdrw20\brdrcf82 
\tsbrdrr\brdrs\brdrw20\brdrcf82 \rtlch\fcs1 \af31507 \ltrch\fcs0 \tscbandvertodd Light Grid Accent 1;}{\*\ts190\tsrowd\tscellcfpat0\tscellcbpat65\tscellpct0\tsbrdrt\brdrs\brdrw20\brdrcf82 \tsbrdrl\brdrs\brdrw20\brdrcf82 \tsbrdrb\brdrs\brdrw20\brdrcf82 
\tsbrdrr\brdrs\brdrw20\brdrcf82 \tsbrdrv\brdrs\brdrw20\brdrcf82 \rtlch\fcs1 \af31507 \ltrch\fcs0 \tscbandhorzodd Light Grid Accent 1;}{\*\ts190\tsrowd\tsbrdrt\brdrs\brdrw20\brdrcf82 \tsbrdrl\brdrs\brdrw20\brdrcf82 \tsbrdrb\brdrs\brdrw20\brdrcf82 \tsbrdrr
\brdrs\brdrw20\brdrcf82 \tsbrdrv\brdrs\brdrw20\brdrcf82 \rtlch\fcs1 \af31507 \ltrch\fcs0 \tscbandhorzeven Light Grid Accent 1;}{\*\ts191\tsrowd\trbrdrt\brdrs\brdrw20\brdrcf80 \trbrdrl\brdrs\brdrw20\brdrcf80 \trbrdrb\brdrs\brdrw20\brdrcf80 \trbrdrr
\brdrs\brdrw20\brdrcf80 \trbrdrh\brdrs\brdrw20\brdrcf80 \trbrdrv\brdrs\brdrw20\brdrcf80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1 \ssemihidden \sunhideused \spriority62 \styrsid15940483 Light Grid Accent 2;}{\*\ts191\tsrowd\tsbrdrt\brdrs\brdrw20\brdrcf80 \tsbrdrl\brdrs\brdrw20\brdrcf80 \tsbrdrb\brdrs\brdrw45\brdrcf80 \tsbrdrr\brdrs\brdrw20\brdrcf80 \tsbrdrh
\brdrnone \tsbrdrv\brdrs\brdrw20\brdrcf80 \sb0\sa0 \rtlch\fcs1 \ab\af31503 \ltrch\fcs0 \b\loch\f31502\hich\af31502\dbch\af31501 \tscfirstrow Light Grid Accent 2;}{\*\ts191\tsrowd\tsbrdrt\brdrdb\brdrw15\brdrcf80 \tsbrdrl\brdrs\brdrw20\brdrcf80 \tsbrdrb
\brdrs\brdrw20\brdrcf80 \tsbrdrr\brdrs\brdrw20\brdrcf80 \tsbrdrh\brdrnone \tsbrdrv\brdrs\brdrw20\brdrcf80 \sb0\sa0 \rtlch\fcs1 \ab\af31503 \ltrch\fcs0 \b\loch\f31502\hich\af31502\dbch\af31501 \tsclastrow Light Grid Accent 2;}{\*\ts191\tsrowd \rtlch\fcs1 
\ab\af31503 \ltrch\fcs0 \b\loch\f31502\hich\af31502\dbch\af31501 \tscfirstcol Light Grid Accent 2;}{\*\ts191\tsrowd\tsbrdrt\brdrs\brdrw20\brdrcf80 \tsbrdrl\brdrs\brdrw20\brdrcf80 \tsbrdrb\brdrs\brdrw20\brdrcf80 \tsbrdrr\brdrs\brdrw20\brdrcf80 \rtlch\fcs1 
\ab\af31503 \ltrch\fcs0 \b\loch\f31502\hich\af31502\dbch\af31501 \tsclastcol Light Grid Accent 2;}{\*\ts191\tsrowd\tscellcfpat0\tscellcbpat67\tscellpct0\tsbrdrt\brdrs\brdrw20\brdrcf80 \tsbrdrl\brdrs\brdrw20\brdrcf80 \tsbrdrb\brdrs\brdrw20\brdrcf80 
\tsbrdrr\brdrs\brdrw20\brdrcf80 \rtlch\fcs1 \af31507 \ltrch\fcs0 \tscbandvertodd Light Grid Accent 2;}{\*\ts191\tsrowd\tscellcfpat0\tscellcbpat67\tscellpct0\tsbrdrt\brdrs\brdrw20\brdrcf80 \tsbrdrl\brdrs\brdrw20\brdrcf80 \tsbrdrb\brdrs\brdrw20\brdrcf80 
\tsbrdrr\brdrs\brdrw20\brdrcf80 \tsbrdrv\brdrs\brdrw20\brdrcf80 \rtlch\fcs1 \af31507 \ltrch\fcs0 \tscbandhorzodd Light Grid Accent 2;}{\*\ts191\tsrowd\tsbrdrt\brdrs\brdrw20\brdrcf80 \tsbrdrl\brdrs\brdrw20\brdrcf80 \tsbrdrb\brdrs\brdrw20\brdrcf80 \tsbrdrr
\brdrs\brdrw20\brdrcf80 \tsbrdrv\brdrs\brdrw20\brdrcf80 \rtlch\fcs1 \af31507 \ltrch\fcs0 \tscbandhorzeven Light Grid Accent 2;}{\*\ts192\tsrowd\trbrdrt\brdrs\brdrw20\brdrcf86 \trbrdrl\brdrs\brdrw20\brdrcf86 \trbrdrb\brdrs\brdrw20\brdrcf86 \trbrdrr
\brdrs\brdrw20\brdrcf86 \trbrdrh\brdrs\brdrw20\brdrcf86 \trbrdrv\brdrs\brdrw20\brdrcf86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2 \ssemihidden \sunhideused \spriority62 \styrsid15940483 Light Grid Accent 3;}{\*\ts192\tsrowd\tsbrdrt\brdrs\brdrw20\brdrcf86 \tsbrdrl\brdrs\brdrw20\brdrcf86 \tsbrdrb\brdrs\brdrw45\brdrcf86 \tsbrdrr\brdrs\brdrw20\brdrcf86 \tsbrdrh
\brdrnone \tsbrdrv\brdrs\brdrw20\brdrcf86 \sb0\sa0 \rtlch\fcs1 \ab\af31503 \ltrch\fcs0 \b\loch\f31502\hich\af31502\dbch\af31501 \tscfirstrow Light Grid Accent 3;}{\*\ts192\tsrowd\tsbrdrt\brdrdb\brdrw15\brdrcf86 \tsbrdrl\brdrs\brdrw20\brdrcf86 \tsbrdrb
\brdrs\brdrw20\brdrcf86 \tsbrdrr\brdrs\brdrw20\brdrcf86 \tsbrdrh\brdrnone \tsbrdrv\brdrs\brdrw20\brdrcf86 \sb0\sa0 \rtlch\fcs1 \ab\af31503 \ltrch\fcs0 \b\loch\f31502\hich\af31502\dbch\af31501 \tsclastrow Light Grid Accent 3;}{\*\ts192\tsrowd \rtlch\fcs1 
\ab\af31503 \ltrch\fcs0 \b\loch\f31502\hich\af31502\dbch\af31501 \tscfirstcol Light Grid Accent 3;}{\*\ts192\tsrowd\tsbrdrt\brdrs\brdrw20\brdrcf86 \tsbrdrl\brdrs\brdrw20\brdrcf86 \tsbrdrb\brdrs\brdrw20\brdrcf86 \tsbrdrr\brdrs\brdrw20\brdrcf86 \rtlch\fcs1 
\ab\af31503 \ltrch\fcs0 \b\loch\f31502\hich\af31502\dbch\af31501 \tsclastcol Light Grid Accent 3;}{\*\ts192\tsrowd\tscellcfpat0\tscellcbpat70\tscellpct0\tsbrdrt\brdrs\brdrw20\brdrcf86 \tsbrdrl\brdrs\brdrw20\brdrcf86 \tsbrdrb\brdrs\brdrw20\brdrcf86 
\tsbrdrr\brdrs\brdrw20\brdrcf86 \rtlch\fcs1 \af31507 \ltrch\fcs0 \tscbandvertodd Light Grid Accent 3;}{\*\ts192\tsrowd\tscellcfpat0\tscellcbpat70\tscellpct0\tsbrdrt\brdrs\brdrw20\brdrcf86 \tsbrdrl\brdrs\brdrw20\brdrcf86 \tsbrdrb\brdrs\brdrw20\brdrcf86 
\tsbrdrr\brdrs\brdrw20\brdrcf86 \tsbrdrv\brdrs\brdrw20\brdrcf86 \rtlch\fcs1 \af31507 \ltrch\fcs0 \tscbandhorzodd Light Grid Accent 3;}{\*\ts192\tsrowd\tsbrdrt\brdrs\brdrw20\brdrcf86 \tsbrdrl\brdrs\brdrw20\brdrcf86 \tsbrdrb\brdrs\brdrw20\brdrcf86 \tsbrdrr
\brdrs\brdrw20\brdrcf86 \tsbrdrv\brdrs\brdrw20\brdrcf86 \rtlch\fcs1 \af31507 \ltrch\fcs0 \tscbandhorzeven Light Grid Accent 3;}{\*\ts193\tsrowd\trbrdrt\brdrs\brdrw20\brdrcf85 \trbrdrl\brdrs\brdrw20\brdrcf85 \trbrdrb\brdrs\brdrw20\brdrcf85 \trbrdrr
\brdrs\brdrw20\brdrcf85 \trbrdrh\brdrs\brdrw20\brdrcf85 \trbrdrv\brdrs\brdrw20\brdrcf8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3 \ssemihidden \sunhideused \spriority62 \styrsid15940483 Light Grid Accent 4;}{\*\ts193\tsrowd\tsbrdrt\brdrs\brdrw20\brdrcf85 \tsbrdrl\brdrs\brdrw20\brdrcf85 \tsbrdrb\brdrs\brdrw45\brdrcf85 \tsbrdrr\brdrs\brdrw20\brdrcf85 \tsbrdrh
\brdrnone \tsbrdrv\brdrs\brdrw20\brdrcf85 \sb0\sa0 \rtlch\fcs1 \ab\af31503 \ltrch\fcs0 \b\loch\f31502\hich\af31502\dbch\af31501 \tscfirstrow Light Grid Accent 4;}{\*\ts193\tsrowd\tsbrdrt\brdrdb\brdrw15\brdrcf85 \tsbrdrl\brdrs\brdrw20\brdrcf85 \tsbrdrb
\brdrs\brdrw20\brdrcf85 \tsbrdrr\brdrs\brdrw20\brdrcf85 \tsbrdrh\brdrnone \tsbrdrv\brdrs\brdrw20\brdrcf85 \sb0\sa0 \rtlch\fcs1 \ab\af31503 \ltrch\fcs0 \b\loch\f31502\hich\af31502\dbch\af31501 \tsclastrow Light Grid Accent 4;}{\*\ts193\tsrowd \rtlch\fcs1 
\ab\af31503 \ltrch\fcs0 \b\loch\f31502\hich\af31502\dbch\af31501 \tscfirstcol Light Grid Accent 4;}{\*\ts193\tsrowd\tsbrdrt\brdrs\brdrw20\brdrcf85 \tsbrdrl\brdrs\brdrw20\brdrcf85 \tsbrdrb\brdrs\brdrw20\brdrcf85 \tsbrdrr\brdrs\brdrw20\brdrcf85 \rtlch\fcs1 
\ab\af31503 \ltrch\fcs0 \b\loch\f31502\hich\af31502\dbch\af31501 \tsclastcol Light Grid Accent 4;}{\*\ts193\tsrowd\tscellcfpat0\tscellcbpat73\tscellpct0\tsbrdrt\brdrs\brdrw20\brdrcf85 \tsbrdrl\brdrs\brdrw20\brdrcf85 \tsbrdrb\brdrs\brdrw20\brdrcf85 
\tsbrdrr\brdrs\brdrw20\brdrcf85 \rtlch\fcs1 \af31507 \ltrch\fcs0 \tscbandvertodd Light Grid Accent 4;}{\*\ts193\tsrowd\tscellcfpat0\tscellcbpat73\tscellpct0\tsbrdrt\brdrs\brdrw20\brdrcf85 \tsbrdrl\brdrs\brdrw20\brdrcf85 \tsbrdrb\brdrs\brdrw20\brdrcf85 
\tsbrdrr\brdrs\brdrw20\brdrcf85 \tsbrdrv\brdrs\brdrw20\brdrcf85 \rtlch\fcs1 \af31507 \ltrch\fcs0 \tscbandhorzodd Light Grid Accent 4;}{\*\ts193\tsrowd\tsbrdrt\brdrs\brdrw20\brdrcf85 \tsbrdrl\brdrs\brdrw20\brdrcf85 \tsbrdrb\brdrs\brdrw20\brdrcf85 \tsbrdrr
\brdrs\brdrw20\brdrcf85 \tsbrdrv\brdrs\brdrw20\brdrcf85 \rtlch\fcs1 \af31507 \ltrch\fcs0 \tscbandhorzeven Light Grid Accent 4;}{\*\ts194\tsrowd\trbrdrt\brdrs\brdrw20\brdrcf17 \trbrdrl\brdrs\brdrw20\brdrcf17 \trbrdrb\brdrs\brdrw20\brdrcf17 \trbrdrr
\brdrs\brdrw20\brdrcf17 \trbrdrh\brdrs\brdrw20\brdrcf17 \trbrdrv\brdrs\brdrw20\brdrcf17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4 \ssemihidden \sunhideused \spriority62 \styrsid15940483 Light Grid Accent 5;}{\*\ts194\tsrowd\tsbrdrt\brdrs\brdrw20\brdrcf17 \tsbrdrl\brdrs\brdrw20\brdrcf17 \tsbrdrb\brdrs\brdrw45\brdrcf17 \tsbrdrr\brdrs\brdrw20\brdrcf17 \tsbrdrh
\brdrnone \tsbrdrv\brdrs\brdrw20\brdrcf17 \sb0\sa0 \rtlch\fcs1 \ab\af31503 \ltrch\fcs0 \b\loch\f31502\hich\af31502\dbch\af31501 \tscfirstrow Light Grid Accent 5;}{\*\ts194\tsrowd\tsbrdrt\brdrdb\brdrw15\brdrcf17 \tsbrdrl\brdrs\brdrw20\brdrcf17 \tsbrdrb
\brdrs\brdrw20\brdrcf17 \tsbrdrr\brdrs\brdrw20\brdrcf17 \tsbrdrh\brdrnone \tsbrdrv\brdrs\brdrw20\brdrcf17 \sb0\sa0 \rtlch\fcs1 \ab\af31503 \ltrch\fcs0 \b\loch\f31502\hich\af31502\dbch\af31501 \tsclastrow Light Grid Accent 5;}{\*\ts194\tsrowd \rtlch\fcs1 
\ab\af31503 \ltrch\fcs0 \b\loch\f31502\hich\af31502\dbch\af31501 \tscfirstcol Light Grid Accent 5;}{\*\ts194\tsrowd\tsbrdrt\brdrs\brdrw20\brdrcf17 \tsbrdrl\brdrs\brdrw20\brdrcf17 \tsbrdrb\brdrs\brdrw20\brdrcf17 \tsbrdrr\brdrs\brdrw20\brdrcf17 \rtlch\fcs1 
\ab\af31503 \ltrch\fcs0 \b\loch\f31502\hich\af31502\dbch\af31501 \tsclastcol Light Grid Accent 5;}{\*\ts194\tsrowd\tscellcfpat0\tscellcbpat76\tscellpct0\tsbrdrt\brdrs\brdrw20\brdrcf17 \tsbrdrl\brdrs\brdrw20\brdrcf17 \tsbrdrb\brdrs\brdrw20\brdrcf17 
\tsbrdrr\brdrs\brdrw20\brdrcf17 \rtlch\fcs1 \af31507 \ltrch\fcs0 \tscbandvertodd Light Grid Accent 5;}{\*\ts194\tsrowd\tscellcfpat0\tscellcbpat76\tscellpct0\tsbrdrt\brdrs\brdrw20\brdrcf17 \tsbrdrl\brdrs\brdrw20\brdrcf17 \tsbrdrb\brdrs\brdrw20\brdrcf17 
\tsbrdrr\brdrs\brdrw20\brdrcf17 \tsbrdrv\brdrs\brdrw20\brdrcf17 \rtlch\fcs1 \af31507 \ltrch\fcs0 \tscbandhorzodd Light Grid Accent 5;}{\*\ts194\tsrowd\tsbrdrt\brdrs\brdrw20\brdrcf17 \tsbrdrl\brdrs\brdrw20\brdrcf17 \tsbrdrb\brdrs\brdrw20\brdrcf17 \tsbrdrr
\brdrs\brdrw20\brdrcf17 \tsbrdrv\brdrs\brdrw20\brdrcf17 \rtlch\fcs1 \af31507 \ltrch\fcs0 \tscbandhorzeven Light Grid Accent 5;}{\*\ts195\tsrowd\trbrdrt\brdrs\brdrw20\brdrcf89 \trbrdrl\brdrs\brdrw20\brdrcf89 \trbrdrb\brdrs\brdrw20\brdrcf89 \trbrdrr
\brdrs\brdrw20\brdrcf89 \trbrdrh\brdrs\brdrw20\brdrcf89 \trbrdrv\brdrs\brdrw20\brdrcf89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5 \ssemihidden \sunhideused \spriority62 \styrsid15940483 Light Grid Accent 6;}{\*\ts195\tsrowd\tsbrdrt\brdrs\brdrw20\brdrcf89 \tsbrdrl\brdrs\brdrw20\brdrcf89 \tsbrdrb\brdrs\brdrw45\brdrcf89 \tsbrdrr\brdrs\brdrw20\brdrcf89 \tsbrdrh
\brdrnone \tsbrdrv\brdrs\brdrw20\brdrcf89 \sb0\sa0 \rtlch\fcs1 \ab\af31503 \ltrch\fcs0 \b\loch\f31502\hich\af31502\dbch\af31501 \tscfirstrow Light Grid Accent 6;}{\*\ts195\tsrowd\tsbrdrt\brdrdb\brdrw15\brdrcf89 \tsbrdrl\brdrs\brdrw20\brdrcf89 \tsbrdrb
\brdrs\brdrw20\brdrcf89 \tsbrdrr\brdrs\brdrw20\brdrcf89 \tsbrdrh\brdrnone \tsbrdrv\brdrs\brdrw20\brdrcf89 \sb0\sa0 \rtlch\fcs1 \ab\af31503 \ltrch\fcs0 \b\loch\f31502\hich\af31502\dbch\af31501 \tsclastrow Light Grid Accent 6;}{\*\ts195\tsrowd \rtlch\fcs1 
\ab\af31503 \ltrch\fcs0 \b\loch\f31502\hich\af31502\dbch\af31501 \tscfirstcol Light Grid Accent 6;}{\*\ts195\tsrowd\tsbrdrt\brdrs\brdrw20\brdrcf89 \tsbrdrl\brdrs\brdrw20\brdrcf89 \tsbrdrb\brdrs\brdrw20\brdrcf89 \tsbrdrr\brdrs\brdrw20\brdrcf89 \rtlch\fcs1 
\ab\af31503 \ltrch\fcs0 \b\loch\f31502\hich\af31502\dbch\af31501 \tsclastcol Light Grid Accent 6;}{\*\ts195\tsrowd\tscellcfpat0\tscellcbpat79\tscellpct0\tsbrdrt\brdrs\brdrw20\brdrcf89 \tsbrdrl\brdrs\brdrw20\brdrcf89 \tsbrdrb\brdrs\brdrw20\brdrcf89 
\tsbrdrr\brdrs\brdrw20\brdrcf89 \rtlch\fcs1 \af31507 \ltrch\fcs0 \tscbandvertodd Light Grid Accent 6;}{\*\ts195\tsrowd\tscellcfpat0\tscellcbpat79\tscellpct0\tsbrdrt\brdrs\brdrw20\brdrcf89 \tsbrdrl\brdrs\brdrw20\brdrcf89 \tsbrdrb\brdrs\brdrw20\brdrcf89 
\tsbrdrr\brdrs\brdrw20\brdrcf89 \tsbrdrv\brdrs\brdrw20\brdrcf89 \rtlch\fcs1 \af31507 \ltrch\fcs0 \tscbandhorzodd Light Grid Accent 6;}{\*\ts195\tsrowd\tsbrdrt\brdrs\brdrw20\brdrcf89 \tsbrdrl\brdrs\brdrw20\brdrcf89 \tsbrdrb\brdrs\brdrw20\brdrcf89 \tsbrdrr
\brdrs\brdrw20\brdrcf89 \tsbrdrv\brdrs\brdrw20\brdrcf89 \rtlch\fcs1 \af31507 \ltrch\fcs0 \tscbandhorzeven Light Grid Accent 6;}{\*\ts196\tsrowd\trbrdrt\brdrs\brdrw20\brdrcf32 \trbrdrl\brdrs\brdrw20\brdrcf32 \trbrdrb\brdrs\brdrw20\brdrcf32 \trbrdrr
\brdrs\brdrw20\brdrcf3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6 \ssemihidden \sunhideused \spriority61 \styrsid15940483 Light List;}{\*\ts196\tsrowd\tscellcfpat0\tscellcbpat32\tscellpct0 \sb0\sa0 \rtlch\fcs1 \ab\af31507 \ltrch\fcs0 \b\cf22 \tscfirstrow Light List;}{\*\ts196\tsrowd\tsbrdrt
\brdrdb\brdrw15\brdrcf32 \tsbrdrl\brdrs\brdrw20\brdrcf32 \tsbrdrb\brdrs\brdrw20\brdrcf32 \tsbrdrr\brdrs\brdrw20\brdrcf32 \sb0\sa0 \rtlch\fcs1 \ab\af31507 \ltrch\fcs0 \b \tsclastrow Light List;}{\*\ts196\tsrowd \rtlch\fcs1 \ab\af31507 \ltrch\fcs0 \b 
\tscfirstcol Light List;}{\*\ts196\tsrowd \rtlch\fcs1 \ab\af31507 \ltrch\fcs0 \b \tsclastcol Light List;}{\*\ts196\tsrowd\tsbrdrt\brdrs\brdrw20\brdrcf32 \tsbrdrl\brdrs\brdrw20\brdrcf32 \tsbrdrb\brdrs\brdrw20\brdrcf32 \tsbrdrr\brdrs\brdrw20\brdrcf32 
\rtlch\fcs1 \af31507 \ltrch\fcs0 \tscbandvertodd Light List;}{\*\ts196\tsrowd\tsbrdrt\brdrs\brdrw20\brdrcf32 \tsbrdrl\brdrs\brdrw20\brdrcf32 \tsbrdrb\brdrs\brdrw20\brdrcf32 \tsbrdrr\brdrs\brdrw20\brdrcf32 \rtlch\fcs1 \af31507 \ltrch\fcs0 \tscbandhorzodd 
Light List;}{\*\ts197\tsrowd\trbrdrt\brdrs\brdrw20\brdrcf82 \trbrdrl\brdrs\brdrw20\brdrcf82 \trbrdrb\brdrs\brdrw20\brdrcf82 \trbrdrr\brdrs\brdrw20\brdrcf8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7 \ssemihidden \sunhideused \spriority61 \styrsid15940483 Light List Accent 1;}{\*\ts197\tsrowd\tscellcfpat0\tscellcbpat82\tscellpct0 \sb0\sa0 \rtlch\fcs1 \ab\af31507 \ltrch\fcs0 \b\cf22 \tscfirstrow Light List Accent 1;}{\*
\ts197\tsrowd\tsbrdrt\brdrdb\brdrw15\brdrcf82 \tsbrdrl\brdrs\brdrw20\brdrcf82 \tsbrdrb\brdrs\brdrw20\brdrcf82 \tsbrdrr\brdrs\brdrw20\brdrcf82 \sb0\sa0 \rtlch\fcs1 \ab\af31507 \ltrch\fcs0 \b \tsclastrow Light List Accent 1;}{\*\ts197\tsrowd \rtlch\fcs1 
\ab\af31507 \ltrch\fcs0 \b \tscfirstcol Light List Accent 1;}{\*\ts197\tsrowd \rtlch\fcs1 \ab\af31507 \ltrch\fcs0 \b \tsclastcol Light List Accent 1;}{\*\ts197\tsrowd\tsbrdrt\brdrs\brdrw20\brdrcf82 \tsbrdrl\brdrs\brdrw20\brdrcf82 \tsbrdrb
\brdrs\brdrw20\brdrcf82 \tsbrdrr\brdrs\brdrw20\brdrcf82 \rtlch\fcs1 \af31507 \ltrch\fcs0 \tscbandvertodd Light List Accent 1;}{\*\ts197\tsrowd\tsbrdrt\brdrs\brdrw20\brdrcf82 \tsbrdrl\brdrs\brdrw20\brdrcf82 \tsbrdrb\brdrs\brdrw20\brdrcf82 \tsbrdrr
\brdrs\brdrw20\brdrcf82 \rtlch\fcs1 \af31507 \ltrch\fcs0 \tscbandhorzodd Light List Accent 1;}{\*\ts198\tsrowd\trbrdrt\brdrs\brdrw20\brdrcf80 \trbrdrl\brdrs\brdrw20\brdrcf80 \trbrdrb\brdrs\brdrw20\brdrcf80 \trbrdrr\brdrs\brdrw20\brdrcf80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8 \ssemihidden \sunhideused \spriority61 \styrsid15940483 Light List Accent 2;}{\*\ts198\tsrowd\tscellcfpat0\tscellcbpat80\tscellpct0 \sb0\sa0 \rtlch\fcs1 \ab\af31507 \ltrch\fcs0 \b\cf22 \tscfirstrow Light List Accent 2;}{\*
\ts198\tsrowd\tsbrdrt\brdrdb\brdrw15\brdrcf80 \tsbrdrl\brdrs\brdrw20\brdrcf80 \tsbrdrb\brdrs\brdrw20\brdrcf80 \tsbrdrr\brdrs\brdrw20\brdrcf80 \sb0\sa0 \rtlch\fcs1 \ab\af31507 \ltrch\fcs0 \b \tsclastrow Light List Accent 2;}{\*\ts198\tsrowd \rtlch\fcs1 
\ab\af31507 \ltrch\fcs0 \b \tscfirstcol Light List Accent 2;}{\*\ts198\tsrowd \rtlch\fcs1 \ab\af31507 \ltrch\fcs0 \b \tsclastcol Light List Accent 2;}{\*\ts198\tsrowd\tsbrdrt\brdrs\brdrw20\brdrcf80 \tsbrdrl\brdrs\brdrw20\brdrcf80 \tsbrdrb
\brdrs\brdrw20\brdrcf80 \tsbrdrr\brdrs\brdrw20\brdrcf80 \rtlch\fcs1 \af31507 \ltrch\fcs0 \tscbandvertodd Light List Accent 2;}{\*\ts198\tsrowd\tsbrdrt\brdrs\brdrw20\brdrcf80 \tsbrdrl\brdrs\brdrw20\brdrcf80 \tsbrdrb\brdrs\brdrw20\brdrcf80 \tsbrdrr
\brdrs\brdrw20\brdrcf80 \rtlch\fcs1 \af31507 \ltrch\fcs0 \tscbandhorzodd Light List Accent 2;}{\*\ts199\tsrowd\trbrdrt\brdrs\brdrw20\brdrcf86 \trbrdrl\brdrs\brdrw20\brdrcf86 \trbrdrb\brdrs\brdrw20\brdrcf86 \trbrdrr\brdrs\brdrw20\brdrcf86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9 \ssemihidden \sunhideused \spriority61 \styrsid15940483 Light List Accent 3;}{\*\ts199\tsrowd\tscellcfpat0\tscellcbpat86\tscellpct0 \sb0\sa0 \rtlch\fcs1 \ab\af31507 \ltrch\fcs0 \b\cf22 \tscfirstrow Light List Accent 3;}{\*
\ts199\tsrowd\tsbrdrt\brdrdb\brdrw15\brdrcf86 \tsbrdrl\brdrs\brdrw20\brdrcf86 \tsbrdrb\brdrs\brdrw20\brdrcf86 \tsbrdrr\brdrs\brdrw20\brdrcf86 \sb0\sa0 \rtlch\fcs1 \ab\af31507 \ltrch\fcs0 \b \tsclastrow Light List Accent 3;}{\*\ts199\tsrowd \rtlch\fcs1 
\ab\af31507 \ltrch\fcs0 \b \tscfirstcol Light List Accent 3;}{\*\ts199\tsrowd \rtlch\fcs1 \ab\af31507 \ltrch\fcs0 \b \tsclastcol Light List Accent 3;}{\*\ts199\tsrowd\tsbrdrt\brdrs\brdrw20\brdrcf86 \tsbrdrl\brdrs\brdrw20\brdrcf86 \tsbrdrb
\brdrs\brdrw20\brdrcf86 \tsbrdrr\brdrs\brdrw20\brdrcf86 \rtlch\fcs1 \af31507 \ltrch\fcs0 \tscbandvertodd Light List Accent 3;}{\*\ts199\tsrowd\tsbrdrt\brdrs\brdrw20\brdrcf86 \tsbrdrl\brdrs\brdrw20\brdrcf86 \tsbrdrb\brdrs\brdrw20\brdrcf86 \tsbrdrr
\brdrs\brdrw20\brdrcf86 \rtlch\fcs1 \af31507 \ltrch\fcs0 \tscbandhorzodd Light List Accent 3;}{\*\ts200\tsrowd\trbrdrt\brdrs\brdrw20\brdrcf85 \trbrdrl\brdrs\brdrw20\brdrcf85 \trbrdrb\brdrs\brdrw20\brdrcf85 \trbrdrr\brdrs\brdrw20\brdrcf8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200 \ssemihidden \sunhideused \spriority61 \styrsid15940483 Light List Accent 4;}{\*\ts200\tsrowd\tscellcfpat0\tscellcbpat85\tscellpct0 \sb0\sa0 \rtlch\fcs1 \ab\af31507 \ltrch\fcs0 \b\cf22 \tscfirstrow Light List Accent 4;}{\*
\ts200\tsrowd\tsbrdrt\brdrdb\brdrw15\brdrcf85 \tsbrdrl\brdrs\brdrw20\brdrcf85 \tsbrdrb\brdrs\brdrw20\brdrcf85 \tsbrdrr\brdrs\brdrw20\brdrcf85 \sb0\sa0 \rtlch\fcs1 \ab\af31507 \ltrch\fcs0 \b \tsclastrow Light List Accent 4;}{\*\ts200\tsrowd \rtlch\fcs1 
\ab\af31507 \ltrch\fcs0 \b \tscfirstcol Light List Accent 4;}{\*\ts200\tsrowd \rtlch\fcs1 \ab\af31507 \ltrch\fcs0 \b \tsclastcol Light List Accent 4;}{\*\ts200\tsrowd\tsbrdrt\brdrs\brdrw20\brdrcf85 \tsbrdrl\brdrs\brdrw20\brdrcf85 \tsbrdrb
\brdrs\brdrw20\brdrcf85 \tsbrdrr\brdrs\brdrw20\brdrcf85 \rtlch\fcs1 \af31507 \ltrch\fcs0 \tscbandvertodd Light List Accent 4;}{\*\ts200\tsrowd\tsbrdrt\brdrs\brdrw20\brdrcf85 \tsbrdrl\brdrs\brdrw20\brdrcf85 \tsbrdrb\brdrs\brdrw20\brdrcf85 \tsbrdrr
\brdrs\brdrw20\brdrcf85 \rtlch\fcs1 \af31507 \ltrch\fcs0 \tscbandhorzodd Light List Accent 4;}{\*\ts201\tsrowd\trbrdrt\brdrs\brdrw20\brdrcf17 \trbrdrl\brdrs\brdrw20\brdrcf17 \trbrdrb\brdrs\brdrw20\brdrcf17 \trbrdrr\brdrs\brdrw20\brdrcf17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201 \ssemihidden \sunhideused \spriority61 \styrsid15940483 Light List Accent 5;}{\*\ts201\tsrowd\tscellcfpat0\tscellcbpat17\tscellpct0 \sb0\sa0 \rtlch\fcs1 \ab\af31507 \ltrch\fcs0 \b\cf22 \tscfirstrow Light List Accent 5;}{\*
\ts201\tsrowd\tsbrdrt\brdrdb\brdrw15\brdrcf17 \tsbrdrl\brdrs\brdrw20\brdrcf17 \tsbrdrb\brdrs\brdrw20\brdrcf17 \tsbrdrr\brdrs\brdrw20\brdrcf17 \sb0\sa0 \rtlch\fcs1 \ab\af31507 \ltrch\fcs0 \b \tsclastrow Light List Accent 5;}{\*\ts201\tsrowd \rtlch\fcs1 
\ab\af31507 \ltrch\fcs0 \b \tscfirstcol Light List Accent 5;}{\*\ts201\tsrowd \rtlch\fcs1 \ab\af31507 \ltrch\fcs0 \b \tsclastcol Light List Accent 5;}{\*\ts201\tsrowd\tsbrdrt\brdrs\brdrw20\brdrcf17 \tsbrdrl\brdrs\brdrw20\brdrcf17 \tsbrdrb
\brdrs\brdrw20\brdrcf17 \tsbrdrr\brdrs\brdrw20\brdrcf17 \rtlch\fcs1 \af31507 \ltrch\fcs0 \tscbandvertodd Light List Accent 5;}{\*\ts201\tsrowd\tsbrdrt\brdrs\brdrw20\brdrcf17 \tsbrdrl\brdrs\brdrw20\brdrcf17 \tsbrdrb\brdrs\brdrw20\brdrcf17 \tsbrdrr
\brdrs\brdrw20\brdrcf17 \rtlch\fcs1 \af31507 \ltrch\fcs0 \tscbandhorzodd Light List Accent 5;}{\*\ts202\tsrowd\trbrdrt\brdrs\brdrw20\brdrcf89 \trbrdrl\brdrs\brdrw20\brdrcf89 \trbrdrb\brdrs\brdrw20\brdrcf89 \trbrdrr\brdrs\brdrw20\brdrcf89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202 \ssemihidden \sunhideused \spriority61 \styrsid15940483 Light List Accent 6;}{\*\ts202\tsrowd\tscellcfpat0\tscellcbpat89\tscellpct0 \sb0\sa0 \rtlch\fcs1 \ab\af31507 \ltrch\fcs0 \b\cf22 \tscfirstrow Light List Accent 6;}{\*
\ts202\tsrowd\tsbrdrt\brdrdb\brdrw15\brdrcf89 \tsbrdrl\brdrs\brdrw20\brdrcf89 \tsbrdrb\brdrs\brdrw20\brdrcf89 \tsbrdrr\brdrs\brdrw20\brdrcf89 \sb0\sa0 \rtlch\fcs1 \ab\af31507 \ltrch\fcs0 \b \tsclastrow Light List Accent 6;}{\*\ts202\tsrowd \rtlch\fcs1 
\ab\af31507 \ltrch\fcs0 \b \tscfirstcol Light List Accent 6;}{\*\ts202\tsrowd \rtlch\fcs1 \ab\af31507 \ltrch\fcs0 \b \tsclastcol Light List Accent 6;}{\*\ts202\tsrowd\tsbrdrt\brdrs\brdrw20\brdrcf89 \tsbrdrl\brdrs\brdrw20\brdrcf89 \tsbrdrb
\brdrs\brdrw20\brdrcf89 \tsbrdrr\brdrs\brdrw20\brdrcf89 \rtlch\fcs1 \af31507 \ltrch\fcs0 \tscbandvertodd Light List Accent 6;}{\*\ts202\tsrowd\tsbrdrt\brdrs\brdrw20\brdrcf89 \tsbrdrl\brdrs\brdrw20\brdrcf89 \tsbrdrb\brdrs\brdrw20\brdrcf89 \tsbrdrr
\brdrs\brdrw20\brdrcf89 \rtlch\fcs1 \af31507 \ltrch\fcs0 \tscbandhorzodd Light List Accent 6;}{\*\ts203\tsrowd\trbrdrt\brdrs\brdrw20\brdrcf32 \trbrdrb\brdrs\brdrw20\brdrcf3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9\lang1033\langfe1033\cgrid\langnp1033\langfenp1033 
\sbasedon11 \snext203 \ssemihidden \sunhideused \spriority60 \styrsid15940483 Light Shading;}{\*\ts203\tsrowd\tsbrdrt\brdrs\brdrw20\brdrcf32 \tsbrdrl\brdrnone \tsbrdrb\brdrs\brdrw20\brdrcf32 \tsbrdrr\brdrnone \tsbrdrh\brdrnone \tsbrdrv\brdrnone \sb0\sa0 
\rtlch\fcs1 \ab\af31507 \ltrch\fcs0 \b \tscfirstrow Light Shading;}{\*\ts203\tsrowd\tsbrdrt\brdrs\brdrw20\brdrcf32 \tsbrdrl\brdrnone \tsbrdrb\brdrs\brdrw20\brdrcf32 \tsbrdrr\brdrnone \tsbrdrh\brdrnone \tsbrdrv\brdrnone \sb0\sa0 \rtlch\fcs1 \ab\af31507 
\ltrch\fcs0 \b \tsclastrow Light Shading;}{\*\ts203\tsrowd \rtlch\fcs1 \ab\af31507 \ltrch\fcs0 \b \tscfirstcol Light Shading;}{\*\ts203\tsrowd \rtlch\fcs1 \ab\af31507 \ltrch\fcs0 \b \tsclastcol Light Shading;}{\*
\ts203\tsrowd\tscellcfpat0\tscellcbpat63\tscellpct0\tsbrdrl\brdrnone \tsbrdrr\brdrnone \tsbrdrh\brdrnone \tsbrdrv\brdrnone \rtlch\fcs1 \af31507 \ltrch\fcs0 \tscbandvertodd Light Shading;}{\*\ts203\tsrowd\tscellcfpat0\tscellcbpat63\tscellpct0\tsbrdrl
\brdrnone \tsbrdrr\brdrnone \tsbrdrh\brdrnone \tsbrdrv\brdrnone \rtlch\fcs1 \af31507 \ltrch\fcs0 \tscbandhorzodd Light Shading;}{\*\ts204\tsrowd\trbrdrt\brdrs\brdrw20\brdrcf82 \trbrdrb\brdrs\brdrw20\brdrcf8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42\lang1033\langfe1033\cgrid\langnp1033\langfenp1033 
\sbasedon11 \snext204 \ssemihidden \sunhideused \spriority60 \styrsid15940483 Light Shading Accent 1;}{\*\ts204\tsrowd\tsbrdrt\brdrs\brdrw20\brdrcf82 \tsbrdrl\brdrnone \tsbrdrb\brdrs\brdrw20\brdrcf82 \tsbrdrr\brdrnone \tsbrdrh\brdrnone \tsbrdrv\brdrnone 
\sb0\sa0 \rtlch\fcs1 \ab\af31507 \ltrch\fcs0 \b \tscfirstrow Light Shading Accent 1;}{\*\ts204\tsrowd\tsbrdrt\brdrs\brdrw20\brdrcf82 \tsbrdrl\brdrnone \tsbrdrb\brdrs\brdrw20\brdrcf82 \tsbrdrr\brdrnone \tsbrdrh\brdrnone \tsbrdrv\brdrnone \sb0\sa0 
\rtlch\fcs1 \ab\af31507 \ltrch\fcs0 \b \tsclastrow Light Shading Accent 1;}{\*\ts204\tsrowd \rtlch\fcs1 \ab\af31507 \ltrch\fcs0 \b \tscfirstcol Light Shading Accent 1;}{\*\ts204\tsrowd \rtlch\fcs1 \ab\af31507 \ltrch\fcs0 \b \tsclastcol 
Light Shading Accent 1;}{\*\ts204\tsrowd\tscellcfpat0\tscellcbpat65\tscellpct0\tsbrdrl\brdrnone \tsbrdrr\brdrnone \tsbrdrh\brdrnone \tsbrdrv\brdrnone \rtlch\fcs1 \af31507 \ltrch\fcs0 \tscbandvertodd Light Shading Accent 1;}{\*
\ts204\tsrowd\tscellcfpat0\tscellcbpat65\tscellpct0\tsbrdrl\brdrnone \tsbrdrr\brdrnone \tsbrdrh\brdrnone \tsbrdrv\brdrnone \rtlch\fcs1 \af31507 \ltrch\fcs0 \tscbandhorzodd Light Shading Accent 1;}{\*\ts205\tsrowd\trbrdrt\brdrs\brdrw20\brdrcf80 \trbrdrb
\brdrs\brdrw20\brdrcf80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6\lang1033\langfe1033\cgrid\langnp1033\langfenp1033 
\sbasedon11 \snext205 \ssemihidden \sunhideused \spriority60 \styrsid15940483 Light Shading Accent 2;}{\*\ts205\tsrowd\tsbrdrt\brdrs\brdrw20\brdrcf80 \tsbrdrl\brdrnone \tsbrdrb\brdrs\brdrw20\brdrcf80 \tsbrdrr\brdrnone \tsbrdrh\brdrnone \tsbrdrv\brdrnone 
\sb0\sa0 \rtlch\fcs1 \ab\af31507 \ltrch\fcs0 \b \tscfirstrow Light Shading Accent 2;}{\*\ts205\tsrowd\tsbrdrt\brdrs\brdrw20\brdrcf80 \tsbrdrl\brdrnone \tsbrdrb\brdrs\brdrw20\brdrcf80 \tsbrdrr\brdrnone \tsbrdrh\brdrnone \tsbrdrv\brdrnone \sb0\sa0 
\rtlch\fcs1 \ab\af31507 \ltrch\fcs0 \b \tsclastrow Light Shading Accent 2;}{\*\ts205\tsrowd \rtlch\fcs1 \ab\af31507 \ltrch\fcs0 \b \tscfirstcol Light Shading Accent 2;}{\*\ts205\tsrowd \rtlch\fcs1 \ab\af31507 \ltrch\fcs0 \b \tsclastcol 
Light Shading Accent 2;}{\*\ts205\tsrowd\tscellcfpat0\tscellcbpat67\tscellpct0\tsbrdrl\brdrnone \tsbrdrr\brdrnone \tsbrdrh\brdrnone \tsbrdrv\brdrnone \rtlch\fcs1 \af31507 \ltrch\fcs0 \tscbandvertodd Light Shading Accent 2;}{\*
\ts205\tsrowd\tscellcfpat0\tscellcbpat67\tscellpct0\tsbrdrl\brdrnone \tsbrdrr\brdrnone \tsbrdrh\brdrnone \tsbrdrv\brdrnone \rtlch\fcs1 \af31507 \ltrch\fcs0 \tscbandhorzodd Light Shading Accent 2;}{\*\ts206\tsrowd\trbrdrt\brdrs\brdrw20\brdrcf86 \trbrdrb
\brdrs\brdrw20\brdrcf86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49\lang1033\langfe1033\cgrid\langnp1033\langfenp1033 
\sbasedon11 \snext206 \ssemihidden \sunhideused \spriority60 \styrsid15940483 Light Shading Accent 3;}{\*\ts206\tsrowd\tsbrdrt\brdrs\brdrw20\brdrcf86 \tsbrdrl\brdrnone \tsbrdrb\brdrs\brdrw20\brdrcf86 \tsbrdrr\brdrnone \tsbrdrh\brdrnone \tsbrdrv\brdrnone 
\sb0\sa0 \rtlch\fcs1 \ab\af31507 \ltrch\fcs0 \b \tscfirstrow Light Shading Accent 3;}{\*\ts206\tsrowd\tsbrdrt\brdrs\brdrw20\brdrcf86 \tsbrdrl\brdrnone \tsbrdrb\brdrs\brdrw20\brdrcf86 \tsbrdrr\brdrnone \tsbrdrh\brdrnone \tsbrdrv\brdrnone \sb0\sa0 
\rtlch\fcs1 \ab\af31507 \ltrch\fcs0 \b \tsclastrow Light Shading Accent 3;}{\*\ts206\tsrowd \rtlch\fcs1 \ab\af31507 \ltrch\fcs0 \b \tscfirstcol Light Shading Accent 3;}{\*\ts206\tsrowd \rtlch\fcs1 \ab\af31507 \ltrch\fcs0 \b \tsclastcol 
Light Shading Accent 3;}{\*\ts206\tsrowd\tscellcfpat0\tscellcbpat70\tscellpct0\tsbrdrl\brdrnone \tsbrdrr\brdrnone \tsbrdrh\brdrnone \tsbrdrv\brdrnone \rtlch\fcs1 \af31507 \ltrch\fcs0 \tscbandvertodd Light Shading Accent 3;}{\*
\ts206\tsrowd\tscellcfpat0\tscellcbpat70\tscellpct0\tsbrdrl\brdrnone \tsbrdrr\brdrnone \tsbrdrh\brdrnone \tsbrdrv\brdrnone \rtlch\fcs1 \af31507 \ltrch\fcs0 \tscbandhorzodd Light Shading Accent 3;}{\*\ts207\tsrowd\trbrdrt\brdrs\brdrw20\brdrcf85 \trbrdrb
\brdrs\brdrw20\brdrcf8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53\lang1033\langfe1033\cgrid\langnp1033\langfenp1033 
\sbasedon11 \snext207 \ssemihidden \sunhideused \spriority60 \styrsid15940483 Light Shading Accent 4;}{\*\ts207\tsrowd\tsbrdrt\brdrs\brdrw20\brdrcf85 \tsbrdrl\brdrnone \tsbrdrb\brdrs\brdrw20\brdrcf85 \tsbrdrr\brdrnone \tsbrdrh\brdrnone \tsbrdrv\brdrnone 
\sb0\sa0 \rtlch\fcs1 \ab\af31507 \ltrch\fcs0 \b \tscfirstrow Light Shading Accent 4;}{\*\ts207\tsrowd\tsbrdrt\brdrs\brdrw20\brdrcf85 \tsbrdrl\brdrnone \tsbrdrb\brdrs\brdrw20\brdrcf85 \tsbrdrr\brdrnone \tsbrdrh\brdrnone \tsbrdrv\brdrnone \sb0\sa0 
\rtlch\fcs1 \ab\af31507 \ltrch\fcs0 \b \tsclastrow Light Shading Accent 4;}{\*\ts207\tsrowd \rtlch\fcs1 \ab\af31507 \ltrch\fcs0 \b \tscfirstcol Light Shading Accent 4;}{\*\ts207\tsrowd \rtlch\fcs1 \ab\af31507 \ltrch\fcs0 \b \tsclastcol 
Light Shading Accent 4;}{\*\ts207\tsrowd\tscellcfpat0\tscellcbpat73\tscellpct0\tsbrdrl\brdrnone \tsbrdrr\brdrnone \tsbrdrh\brdrnone \tsbrdrv\brdrnone \rtlch\fcs1 \af31507 \ltrch\fcs0 \tscbandvertodd Light Shading Accent 4;}{\*
\ts207\tsrowd\tscellcfpat0\tscellcbpat73\tscellpct0\tsbrdrl\brdrnone \tsbrdrr\brdrnone \tsbrdrh\brdrnone \tsbrdrv\brdrnone \rtlch\fcs1 \af31507 \ltrch\fcs0 \tscbandhorzodd Light Shading Accent 4;}{\*\ts208\tsrowd\trbrdrt\brdrs\brdrw20\brdrcf17 \trbrdrb
\brdrs\brdrw20\brdrcf17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56\lang1033\langfe1033\cgrid\langnp1033\langfenp1033 
\sbasedon11 \snext208 \ssemihidden \sunhideused \spriority60 \styrsid15940483 Light Shading Accent 5;}{\*\ts208\tsrowd\tsbrdrt\brdrs\brdrw20\brdrcf17 \tsbrdrl\brdrnone \tsbrdrb\brdrs\brdrw20\brdrcf17 \tsbrdrr\brdrnone \tsbrdrh\brdrnone \tsbrdrv\brdrnone 
\sb0\sa0 \rtlch\fcs1 \ab\af31507 \ltrch\fcs0 \b \tscfirstrow Light Shading Accent 5;}{\*\ts208\tsrowd\tsbrdrt\brdrs\brdrw20\brdrcf17 \tsbrdrl\brdrnone \tsbrdrb\brdrs\brdrw20\brdrcf17 \tsbrdrr\brdrnone \tsbrdrh\brdrnone \tsbrdrv\brdrnone \sb0\sa0 
\rtlch\fcs1 \ab\af31507 \ltrch\fcs0 \b \tsclastrow Light Shading Accent 5;}{\*\ts208\tsrowd \rtlch\fcs1 \ab\af31507 \ltrch\fcs0 \b \tscfirstcol Light Shading Accent 5;}{\*\ts208\tsrowd \rtlch\fcs1 \ab\af31507 \ltrch\fcs0 \b \tsclastcol 
Light Shading Accent 5;}{\*\ts208\tsrowd\tscellcfpat0\tscellcbpat76\tscellpct0\tsbrdrl\brdrnone \tsbrdrr\brdrnone \tsbrdrh\brdrnone \tsbrdrv\brdrnone \rtlch\fcs1 \af31507 \ltrch\fcs0 \tscbandvertodd Light Shading Accent 5;}{\*
\ts208\tsrowd\tscellcfpat0\tscellcbpat76\tscellpct0\tsbrdrl\brdrnone \tsbrdrr\brdrnone \tsbrdrh\brdrnone \tsbrdrv\brdrnone \rtlch\fcs1 \af31507 \ltrch\fcs0 \tscbandhorzodd Light Shading Accent 5;}{\*\ts209\tsrowd\trbrdrt\brdrs\brdrw20\brdrcf89 \trbrdrb
\brdrs\brdrw20\brdrcf89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59\lang1033\langfe1033\cgrid\langnp1033\langfenp1033 
\sbasedon11 \snext209 \ssemihidden \sunhideused \spriority60 \styrsid15940483 Light Shading Accent 6;}{\*\ts209\tsrowd\tsbrdrt\brdrs\brdrw20\brdrcf89 \tsbrdrl\brdrnone \tsbrdrb\brdrs\brdrw20\brdrcf89 \tsbrdrr\brdrnone \tsbrdrh\brdrnone \tsbrdrv\brdrnone 
\sb0\sa0 \rtlch\fcs1 \ab\af31507 \ltrch\fcs0 \b \tscfirstrow Light Shading Accent 6;}{\*\ts209\tsrowd\tsbrdrt\brdrs\brdrw20\brdrcf89 \tsbrdrl\brdrnone \tsbrdrb\brdrs\brdrw20\brdrcf89 \tsbrdrr\brdrnone \tsbrdrh\brdrnone \tsbrdrv\brdrnone \sb0\sa0 
\rtlch\fcs1 \ab\af31507 \ltrch\fcs0 \b \tsclastrow Light Shading Accent 6;}{\*\ts209\tsrowd \rtlch\fcs1 \ab\af31507 \ltrch\fcs0 \b \tscfirstcol Light Shading Accent 6;}{\*\ts209\tsrowd \rtlch\fcs1 \ab\af31507 \ltrch\fcs0 \b \tsclastcol 
Light Shading Accent 6;}{\*\ts209\tsrowd\tscellcfpat0\tscellcbpat79\tscellpct0\tsbrdrl\brdrnone \tsbrdrr\brdrnone \tsbrdrh\brdrnone \tsbrdrv\brdrnone \rtlch\fcs1 \af31507 \ltrch\fcs0 \tscbandvertodd Light Shading Accent 6;}{\*
\ts209\tsrowd\tscellcfpat0\tscellcbpat79\tscellpct0\tsbrdrl\brdrnone \tsbrdrr\brdrnone \tsbrdrh\brdrnone \tsbrdrv\brdrnone \rtlch\fcs1 \af31507 \ltrch\fcs0 \tscbandhorzodd Light Shading Accent 6;}{\*\cs210 \additive \rtlch\fcs1 \af0 \ltrch\fcs0 
\sbasedon10 \ssemihidden \sunhideused \styrsid15940483 line number;}{\s211\ql \fi-360\li360\ri0\sb160\sl259\slmult1\widctlpar\wrapdefault\aspalpha\aspnum\faauto\adjustright\rin0\lin360\itap0\contextualspace \rtlch\fcs1 \af31507\afs22\alang1025 
\ltrch\fcs0 \f31506\fs22\lang1033\langfe1033\cgrid\langnp1033\langfenp1033 \sbasedon0 \snext211 \ssemihidden \sunhideused \styrsid15940483 List;}{\s212\ql \fi-360\li720\ri0\sb160\sl259\slmult1
\widctlpar\wrapdefault\aspalpha\aspnum\faauto\adjustright\rin0\lin720\itap0\contextualspace \rtlch\fcs1 \af31507\afs22\alang1025 \ltrch\fcs0 \f31506\fs22\lang1033\langfe1033\cgrid\langnp1033\langfenp1033 
\sbasedon0 \snext212 \ssemihidden \sunhideused \styrsid15940483 List 2;}{\s213\ql \fi-360\li1080\ri0\sb160\sl259\slmult1\widctlpar\wrapdefault\aspalpha\aspnum\faauto\adjustright\rin0\lin1080\itap0\contextualspace \rtlch\fcs1 \af31507\afs22\alang1025 
\ltrch\fcs0 \f31506\fs22\lang1033\langfe1033\cgrid\langnp1033\langfenp1033 \sbasedon0 \snext213 \ssemihidden \sunhideused \styrsid15940483 List 3;}{\s214\ql \fi-360\li1440\ri0\sb160\sl259\slmult1
\widctlpar\wrapdefault\aspalpha\aspnum\faauto\adjustright\rin0\lin1440\itap0\contextualspace \rtlch\fcs1 \af31507\afs22\alang1025 \ltrch\fcs0 \f31506\fs22\lang1033\langfe1033\cgrid\langnp1033\langfenp1033 
\sbasedon0 \snext214 \ssemihidden \sunhideused \styrsid15940483 List 4;}{\s215\ql \fi-360\li1800\ri0\sb160\sl259\slmult1\widctlpar\wrapdefault\aspalpha\aspnum\faauto\adjustright\rin0\lin1800\itap0\contextualspace \rtlch\fcs1 \af31507\afs22\alang1025 
\ltrch\fcs0 \f31506\fs22\lang1033\langfe1033\cgrid\langnp1033\langfenp1033 \sbasedon0 \snext215 \ssemihidden \sunhideused \styrsid15940483 List 5;}{\s216\ql \fi-360\li720\ri0\sb160\sl259\slmult1\widctlpar\jclisttab\tx720\wrapdefault{\*\pn 
\pnlvlbody\ilvl0\ls11\pnrnot0\pndec }\aspalpha\aspnum\faauto\ls11\adjustright\rin0\lin720\itap0\contextualspace \rtlch\fcs1 \af31507\afs22\alang1025 \ltrch\fcs0 \f31506\fs22\lang1033\langfe1033\cgrid\langnp1033\langfenp1033 
\sbasedon0 \snext216 \ssemihidden \sunhideused \styrsid15940483 List Bullet 2;}{\s217\ql \fi-360\li1080\ri0\sb160\sl259\slmult1\widctlpar\jclisttab\tx1080\wrapdefault{\*\pn \pnlvlbody\ilvl0\ls12\pnrnot0\pndec }
\aspalpha\aspnum\faauto\ls12\adjustright\rin0\lin1080\itap0\contextualspace \rtlch\fcs1 \af31507\afs22\alang1025 \ltrch\fcs0 \f31506\fs22\lang1033\langfe1033\cgrid\langnp1033\langfenp1033 \sbasedon0 \snext217 \ssemihidden \sunhideused \styrsid15940483 
List Bullet 3;}{\s218\ql \fi-360\li1440\ri0\sb160\sl259\slmult1\widctlpar\jclisttab\tx1440\wrapdefault{\*\pn \pnlvlbody\ilvl0\ls13\pnrnot0\pndec }\aspalpha\aspnum\faauto\ls13\adjustright\rin0\lin1440\itap0\contextualspace \rtlch\fcs1 
\af31507\afs22\alang1025 \ltrch\fcs0 \f31506\fs22\lang1033\langfe1033\cgrid\langnp1033\langfenp1033 \sbasedon0 \snext218 \ssemihidden \sunhideused \styrsid15940483 List Bullet 4;}{\s219\ql \fi-360\li1800\ri0\sb160\sl259\slmult1\widctlpar
\jclisttab\tx1800\wrapdefault{\*\pn \pnlvlbody\ilvl0\ls14\pnrnot0\pndec }\aspalpha\aspnum\faauto\ls14\adjustright\rin0\lin1800\itap0\contextualspace \rtlch\fcs1 \af31507\afs22\alang1025 \ltrch\fcs0 
\f31506\fs22\lang1033\langfe1033\cgrid\langnp1033\langfenp1033 \sbasedon0 \snext219 \ssemihidden \sunhideused \styrsid15940483 List Bullet 5;}{\s220\ql \li360\ri0\sb160\sa120\sl259\slmult1
\widctlpar\wrapdefault\aspalpha\aspnum\faauto\adjustright\rin0\lin360\itap0\contextualspace \rtlch\fcs1 \af31507\afs22\alang1025 \ltrch\fcs0 \f31506\fs22\lang1033\langfe1033\cgrid\langnp1033\langfenp1033 
\sbasedon0 \snext220 \ssemihidden \sunhideused \styrsid15940483 List Continue;}{\s221\ql \li720\ri0\sb160\sa120\sl259\slmult1\widctlpar\wrapdefault\aspalpha\aspnum\faauto\adjustright\rin0\lin720\itap0\contextualspace \rtlch\fcs1 \af31507\afs22\alang1025 
\ltrch\fcs0 \f31506\fs22\lang1033\langfe1033\cgrid\langnp1033\langfenp1033 \sbasedon0 \snext221 \ssemihidden \sunhideused \styrsid15940483 List Continue 2;}{\s222\ql \li1080\ri0\sb160\sa120\sl259\slmult1
\widctlpar\wrapdefault\aspalpha\aspnum\faauto\adjustright\rin0\lin1080\itap0\contextualspace \rtlch\fcs1 \af31507\afs22\alang1025 \ltrch\fcs0 \f31506\fs22\lang1033\langfe1033\cgrid\langnp1033\langfenp1033 
\sbasedon0 \snext222 \ssemihidden \sunhideused \styrsid15940483 List Continue 3;}{\s223\ql \li1440\ri0\sb160\sa120\sl259\slmult1\widctlpar\wrapdefault\aspalpha\aspnum\faauto\adjustright\rin0\lin1440\itap0\contextualspace \rtlch\fcs1 
\af31507\afs22\alang1025 \ltrch\fcs0 \f31506\fs22\lang1033\langfe1033\cgrid\langnp1033\langfenp1033 \sbasedon0 \snext223 \ssemihidden \sunhideused \styrsid15940483 List Continue 4;}{\s224\ql \li1800\ri0\sb160\sa120\sl259\slmult1
\widctlpar\wrapdefault\aspalpha\aspnum\faauto\adjustright\rin0\lin1800\itap0\contextualspace \rtlch\fcs1 \af31507\afs22\alang1025 \ltrch\fcs0 \f31506\fs22\lang1033\langfe1033\cgrid\langnp1033\langfenp1033 
\sbasedon0 \snext224 \ssemihidden \sunhideused \styrsid15940483 List Continue 5;}{\s225\ql \fi-360\li720\ri0\sb160\sl259\slmult1\widctlpar\jclisttab\tx720\wrapdefault{\*\pn \pnlvlbody\ilvl0\ls15\pnrnot0\pndec }
\aspalpha\aspnum\faauto\ls15\adjustright\rin0\lin720\itap0\contextualspace \rtlch\fcs1 \af31507\afs22\alang1025 \ltrch\fcs0 \f31506\fs22\lang1033\langfe1033\cgrid\langnp1033\langfenp1033 \sbasedon0 \snext225 \ssemihidden \sunhideused \styrsid15940483 
List Number 2;}{\s226\ql \fi-360\li1080\ri0\sb160\sl259\slmult1\widctlpar\jclisttab\tx1080\wrapdefault{\*\pn \pnlvlbody\ilvl0\ls16\pnrnot0\pndec }\aspalpha\aspnum\faauto\ls16\adjustright\rin0\lin1080\itap0\contextualspace \rtlch\fcs1 
\af31507\afs22\alang1025 \ltrch\fcs0 \f31506\fs22\lang1033\langfe1033\cgrid\langnp1033\langfenp1033 \sbasedon0 \snext226 \ssemihidden \sunhideused \styrsid15940483 List Number 3;}{\s227\ql \fi-360\li1440\ri0\sb160\sl259\slmult1\widctlpar
\jclisttab\tx1440\wrapdefault{\*\pn \pnlvlbody\ilvl0\ls17\pnrnot0\pndec }\aspalpha\aspnum\faauto\ls17\adjustright\rin0\lin1440\itap0\contextualspace \rtlch\fcs1 \af31507\afs22\alang1025 \ltrch\fcs0 
\f31506\fs22\lang1033\langfe1033\cgrid\langnp1033\langfenp1033 \sbasedon0 \snext227 \ssemihidden \sunhideused \styrsid15940483 List Number 4;}{\s228\ql \fi-360\li1800\ri0\sb160\sl259\slmult1\widctlpar\jclisttab\tx1800\wrapdefault{\*\pn 
\pnlvlbody\ilvl0\ls18\pnrnot0\pndec }\aspalpha\aspnum\faauto\ls18\adjustright\rin0\lin1800\itap0\contextualspace \rtlch\fcs1 \af31507\afs22\alang1025 \ltrch\fcs0 \f31506\fs22\lang1033\langfe1033\cgrid\langnp1033\langfenp1033 
\sbasedon0 \snext228 \ssemihidden \sunhideused \styrsid15940483 List Number 5;}{\s229\ql \li720\ri0\sb160\sl259\slmult1\widctlpar\wrapdefault\aspalpha\aspnum\faauto\adjustright\rin0\lin720\itap0\contextualspace \rtlch\fcs1 \af31507\afs22\alang1025 
\ltrch\fcs0 \f31506\fs22\lang1033\langfe1033\cgrid\langnp1033\langfenp1033 \sbasedon0 \snext229 \ssemihidden \sunhideused \sqformat \spriority34 \styrsid15940483 List Paragraph;}{\*
\ts230\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0 \spriority46 \styrsid15940483 List Table 1 Light;}{\*\ts230\tsrowd\tsbrdrb\brdrs\brdrw10\brdrcf25 \rtlch\fcs1 \ab\af31507 \ltrch\fcs0 \b \tscfirstrow List Table 1 Light;}{\*\ts230\tsrowd\tsbrdrt\brdrs\brdrw10\brdrcf25 \rtlch\fcs1 
\ab\af31507 \ltrch\fcs0 \b \tsclastrow List Table 1 Light;}{\*\ts230\tsrowd \rtlch\fcs1 \ab\af31507 \ltrch\fcs0 \b \tscfirstcol List Table 1 Light;}{\*\ts230\tsrowd \rtlch\fcs1 \ab\af31507 \ltrch\fcs0 \b \tsclastcol List Table 1 Light;}{\*
\ts230\tsrowd\tscellcfpat0\tscellcbpat31\tscellpct0 \rtlch\fcs1 \af31507 \ltrch\fcs0 \tscbandvertodd List Table 1 Light;}{\*\ts230\tsrowd\tscellcfpat0\tscellcbpat31\tscellpct0 \rtlch\fcs1 \af31507 \ltrch\fcs0 \tscbandhorzodd List Table 1 Light;}{\*
\ts231\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1 \spriority46 \styrsid15940483 List Table 1 Light Accent 1;}{\*\ts231\tsrowd\tsbrdrb\brdrs\brdrw10\brdrcf34 \rtlch\fcs1 \ab\af31507 \ltrch\fcs0 \b \tscfirstrow List Table 1 Light Accent 1;}{\*\ts231\tsrowd\tsbrdrt
\brdrs\brdrw10\brdrcf34 \rtlch\fcs1 \ab\af31507 \ltrch\fcs0 \b \tsclastrow List Table 1 Light Accent 1;}{\*\ts231\tsrowd \rtlch\fcs1 \ab\af31507 \ltrch\fcs0 \b \tscfirstcol List Table 1 Light Accent 1;}{\*\ts231\tsrowd \rtlch\fcs1 \ab\af31507 \ltrch\fcs0 
\b \tsclastcol List Table 1 Light Accent 1;}{\*\ts231\tsrowd\tscellcfpat0\tscellcbpat41\tscellpct0 \rtlch\fcs1 \af31507 \ltrch\fcs0 \tscbandvertodd List Table 1 Light Accent 1;}{\*\ts231\tsrowd\tscellcfpat0\tscellcbpat41\tscellpct0 \rtlch\fcs1 \af31507 
\ltrch\fcs0 \tscbandhorzodd List Table 1 Light Accent 1;}{\*
\ts232\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2 \spriority46 \styrsid15940483 List Table 1 Light Accent 2;}{\*\ts232\tsrowd\tsbrdrb\brdrs\brdrw10\brdrcf98 \rtlch\fcs1 \ab\af31507 \ltrch\fcs0 \b \tscfirstrow List Table 1 Light Accent 2;}{\*\ts232\tsrowd\tsbrdrt
\brdrs\brdrw10\brdrcf98 \rtlch\fcs1 \ab\af31507 \ltrch\fcs0 \b \tsclastrow List Table 1 Light Accent 2;}{\*\ts232\tsrowd \rtlch\fcs1 \ab\af31507 \ltrch\fcs0 \b \tscfirstcol List Table 1 Light Accent 2;}{\*\ts232\tsrowd \rtlch\fcs1 \ab\af31507 \ltrch\fcs0 
\b \tsclastcol List Table 1 Light Accent 2;}{\*\ts232\tsrowd\tscellcfpat0\tscellcbpat44\tscellpct0 \rtlch\fcs1 \af31507 \ltrch\fcs0 \tscbandvertodd List Table 1 Light Accent 2;}{\*\ts232\tsrowd\tscellcfpat0\tscellcbpat44\tscellpct0 \rtlch\fcs1 \af31507 
\ltrch\fcs0 \tscbandhorzodd List Table 1 Light Accent 2;}{\*
\ts233\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3 \spriority46 \styrsid15940483 List Table 1 Light Accent 3;}{\*\ts233\tsrowd\tsbrdrb\brdrs\brdrw10\brdrcf99 \rtlch\fcs1 \ab\af31507 \ltrch\fcs0 \b \tscfirstrow List Table 1 Light Accent 3;}{\*\ts233\tsrowd\tsbrdrt
\brdrs\brdrw10\brdrcf99 \rtlch\fcs1 \ab\af31507 \ltrch\fcs0 \b \tsclastrow List Table 1 Light Accent 3;}{\*\ts233\tsrowd \rtlch\fcs1 \ab\af31507 \ltrch\fcs0 \b \tscfirstcol List Table 1 Light Accent 3;}{\*\ts233\tsrowd \rtlch\fcs1 \ab\af31507 \ltrch\fcs0 
\b \tsclastcol List Table 1 Light Accent 3;}{\*\ts233\tsrowd\tscellcfpat0\tscellcbpat47\tscellpct0 \rtlch\fcs1 \af31507 \ltrch\fcs0 \tscbandvertodd List Table 1 Light Accent 3;}{\*\ts233\tsrowd\tscellcfpat0\tscellcbpat47\tscellpct0 \rtlch\fcs1 \af31507 
\ltrch\fcs0 \tscbandhorzodd List Table 1 Light Accent 3;}{\*
\ts234\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4 \spriority46 \styrsid15940483 List Table 1 Light Accent 4;}{\*\ts234\tsrowd\tsbrdrb\brdrs\brdrw10\brdrcf100 \rtlch\fcs1 \ab\af31507 \ltrch\fcs0 \b \tscfirstrow List Table 1 Light Accent 4;}{\*\ts234\tsrowd\tsbrdrt
\brdrs\brdrw10\brdrcf100 \rtlch\fcs1 \ab\af31507 \ltrch\fcs0 \b \tsclastrow List Table 1 Light Accent 4;}{\*\ts234\tsrowd \rtlch\fcs1 \ab\af31507 \ltrch\fcs0 \b \tscfirstcol List Table 1 Light Accent 4;}{\*\ts234\tsrowd \rtlch\fcs1 \ab\af31507 
\ltrch\fcs0 \b \tsclastcol List Table 1 Light Accent 4;}{\*\ts234\tsrowd\tscellcfpat0\tscellcbpat51\tscellpct0 \rtlch\fcs1 \af31507 \ltrch\fcs0 \tscbandvertodd List Table 1 Light Accent 4;}{\*\ts234\tsrowd\tscellcfpat0\tscellcbpat51\tscellpct0 
\rtlch\fcs1 \af31507 \ltrch\fcs0 \tscbandhorzodd List Table 1 Light Accent 4;}{\*
\ts235\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5 \spriority46 \styrsid15940483 List Table 1 Light Accent 5;}{\*\ts235\tsrowd\tsbrdrb\brdrs\brdrw10\brdrcf26 \rtlch\fcs1 \ab\af31507 \ltrch\fcs0 \b \tscfirstrow List Table 1 Light Accent 5;}{\*\ts235\tsrowd\tsbrdrt
\brdrs\brdrw10\brdrcf26 \rtlch\fcs1 \ab\af31507 \ltrch\fcs0 \b \tsclastrow List Table 1 Light Accent 5;}{\*\ts235\tsrowd \rtlch\fcs1 \ab\af31507 \ltrch\fcs0 \b \tscfirstcol List Table 1 Light Accent 5;}{\*\ts235\tsrowd \rtlch\fcs1 \ab\af31507 \ltrch\fcs0 
\b \tsclastcol List Table 1 Light Accent 5;}{\*\ts235\tsrowd\tscellcfpat0\tscellcbpat28\tscellpct0 \rtlch\fcs1 \af31507 \ltrch\fcs0 \tscbandvertodd List Table 1 Light Accent 5;}{\*\ts235\tsrowd\tscellcfpat0\tscellcbpat28\tscellpct0 \rtlch\fcs1 \af31507 
\ltrch\fcs0 \tscbandhorzodd List Table 1 Light Accent 5;}{\*
\ts236\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6 \spriority46 \styrsid15940483 List Table 1 Light Accent 6;}{\*\ts236\tsrowd\tsbrdrb\brdrs\brdrw10\brdrcf30 \rtlch\fcs1 \ab\af31507 \ltrch\fcs0 \b \tscfirstrow List Table 1 Light Accent 6;}{\*\ts236\tsrowd\tsbrdrt
\brdrs\brdrw10\brdrcf30 \rtlch\fcs1 \ab\af31507 \ltrch\fcs0 \b \tsclastrow List Table 1 Light Accent 6;}{\*\ts236\tsrowd \rtlch\fcs1 \ab\af31507 \ltrch\fcs0 \b \tscfirstcol List Table 1 Light Accent 6;}{\*\ts236\tsrowd \rtlch\fcs1 \ab\af31507 \ltrch\fcs0 
\b \tsclastcol List Table 1 Light Accent 6;}{\*\ts236\tsrowd\tscellcfpat0\tscellcbpat58\tscellpct0 \rtlch\fcs1 \af31507 \ltrch\fcs0 \tscbandvertodd List Table 1 Light Accent 6;}{\*\ts236\tsrowd\tscellcfpat0\tscellcbpat58\tscellpct0 \rtlch\fcs1 \af31507 
\ltrch\fcs0 \tscbandhorzodd List Table 1 Light Accent 6;}{\*\ts237\tsrowd\trbrdrt\brdrs\brdrw10\brdrcf25 \trbrdrb\brdrs\brdrw10\brdrcf25 \trbrdrh\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7 \spriority47 \styrsid15940483 List Table 2;}{\*\ts237\tsrowd \rtlch\fcs1 \ab\af31507 \ltrch\fcs0 \b \tscfirstrow List Table 2;}{\*\ts237\tsrowd \rtlch\fcs1 \ab\af31507 \ltrch\fcs0 \b \tsclastrow List Table 2;}{\*\ts237\tsrowd 
\rtlch\fcs1 \ab\af31507 \ltrch\fcs0 \b \tscfirstcol List Table 2;}{\*\ts237\tsrowd \rtlch\fcs1 \ab\af31507 \ltrch\fcs0 \b \tsclastcol List Table 2;}{\*\ts237\tsrowd\tscellcfpat0\tscellcbpat31\tscellpct0 \rtlch\fcs1 \af31507 \ltrch\fcs0 \tscbandvertodd 
List Table 2;}{\*\ts237\tsrowd\tscellcfpat0\tscellcbpat31\tscellpct0 \rtlch\fcs1 \af31507 \ltrch\fcs0 \tscbandhorzodd List Table 2;}{\*\ts238\tsrowd\trbrdrt\brdrs\brdrw10\brdrcf34 \trbrdrb\brdrs\brdrw10\brdrcf34 \trbrdrh\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8 \spriority47 \styrsid15940483 List Table 2 Accent 1;}{\*\ts238\tsrowd \rtlch\fcs1 \ab\af31507 \ltrch\fcs0 \b \tscfirstrow List Table 2 Accent 1;}{\*\ts238\tsrowd \rtlch\fcs1 \ab\af31507 \ltrch\fcs0 \b \tsclastrow 
List Table 2 Accent 1;}{\*\ts238\tsrowd \rtlch\fcs1 \ab\af31507 \ltrch\fcs0 \b \tscfirstcol List Table 2 Accent 1;}{\*\ts238\tsrowd \rtlch\fcs1 \ab\af31507 \ltrch\fcs0 \b \tsclastcol List Table 2 Accent 1;}{\*
\ts238\tsrowd\tscellcfpat0\tscellcbpat41\tscellpct0 \rtlch\fcs1 \af31507 \ltrch\fcs0 \tscbandvertodd List Table 2 Accent 1;}{\*\ts238\tsrowd\tscellcfpat0\tscellcbpat41\tscellpct0 \rtlch\fcs1 \af31507 \ltrch\fcs0 \tscbandhorzodd List Table 2 Accent 1;}{\*
\ts239\tsrowd\trbrdrt\brdrs\brdrw10\brdrcf98 \trbrdrb\brdrs\brdrw10\brdrcf98 \trbrdrh\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9 \spriority47 \styrsid15940483 List Table 2 Accent 2;}{\*\ts239\tsrowd \rtlch\fcs1 \ab\af31507 \ltrch\fcs0 \b \tscfirstrow List Table 2 Accent 2;}{\*\ts239\tsrowd \rtlch\fcs1 \ab\af31507 \ltrch\fcs0 \b \tsclastrow 
List Table 2 Accent 2;}{\*\ts239\tsrowd \rtlch\fcs1 \ab\af31507 \ltrch\fcs0 \b \tscfirstcol List Table 2 Accent 2;}{\*\ts239\tsrowd \rtlch\fcs1 \ab\af31507 \ltrch\fcs0 \b \tsclastcol List Table 2 Accent 2;}{\*
\ts239\tsrowd\tscellcfpat0\tscellcbpat44\tscellpct0 \rtlch\fcs1 \af31507 \ltrch\fcs0 \tscbandvertodd List Table 2 Accent 2;}{\*\ts239\tsrowd\tscellcfpat0\tscellcbpat44\tscellpct0 \rtlch\fcs1 \af31507 \ltrch\fcs0 \tscbandhorzodd List Table 2 Accent 2;}{\*
\ts240\tsrowd\trbrdrt\brdrs\brdrw10\brdrcf99 \trbrdrb\brdrs\brdrw10\brdrcf99 \trbrdrh\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0 \spriority47 \styrsid15940483 List Table 2 Accent 3;}{\*\ts240\tsrowd \rtlch\fcs1 \ab\af31507 \ltrch\fcs0 \b \tscfirstrow List Table 2 Accent 3;}{\*\ts240\tsrowd \rtlch\fcs1 \ab\af31507 \ltrch\fcs0 \b \tsclastrow 
List Table 2 Accent 3;}{\*\ts240\tsrowd \rtlch\fcs1 \ab\af31507 \ltrch\fcs0 \b \tscfirstcol List Table 2 Accent 3;}{\*\ts240\tsrowd \rtlch\fcs1 \ab\af31507 \ltrch\fcs0 \b \tsclastcol List Table 2 Accent 3;}{\*
\ts240\tsrowd\tscellcfpat0\tscellcbpat47\tscellpct0 \rtlch\fcs1 \af31507 \ltrch\fcs0 \tscbandvertodd List Table 2 Accent 3;}{\*\ts240\tsrowd\tscellcfpat0\tscellcbpat47\tscellpct0 \rtlch\fcs1 \af31507 \ltrch\fcs0 \tscbandhorzodd List Table 2 Accent 3;}{\*
\ts241\tsrowd\trbrdrt\brdrs\brdrw10\brdrcf100 \trbrdrb\brdrs\brdrw10\brdrcf100 \trbrdrh\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1 \spriority47 \styrsid15940483 List Table 2 Accent 4;}{\*\ts241\tsrowd \rtlch\fcs1 \ab\af31507 \ltrch\fcs0 \b \tscfirstrow List Table 2 Accent 4;}{\*\ts241\tsrowd \rtlch\fcs1 \ab\af31507 \ltrch\fcs0 \b \tsclastrow 
List Table 2 Accent 4;}{\*\ts241\tsrowd \rtlch\fcs1 \ab\af31507 \ltrch\fcs0 \b \tscfirstcol List Table 2 Accent 4;}{\*\ts241\tsrowd \rtlch\fcs1 \ab\af31507 \ltrch\fcs0 \b \tsclastcol List Table 2 Accent 4;}{\*
\ts241\tsrowd\tscellcfpat0\tscellcbpat51\tscellpct0 \rtlch\fcs1 \af31507 \ltrch\fcs0 \tscbandvertodd List Table 2 Accent 4;}{\*\ts241\tsrowd\tscellcfpat0\tscellcbpat51\tscellpct0 \rtlch\fcs1 \af31507 \ltrch\fcs0 \tscbandhorzodd List Table 2 Accent 4;}{\*
\ts242\tsrowd\trbrdrt\brdrs\brdrw10\brdrcf26 \trbrdrb\brdrs\brdrw10\brdrcf26 \trbrdrh\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2 \spriority47 \styrsid15940483 List Table 2 Accent 5;}{\*\ts242\tsrowd \rtlch\fcs1 \ab\af31507 \ltrch\fcs0 \b \tscfirstrow List Table 2 Accent 5;}{\*\ts242\tsrowd \rtlch\fcs1 \ab\af31507 \ltrch\fcs0 \b \tsclastrow 
List Table 2 Accent 5;}{\*\ts242\tsrowd \rtlch\fcs1 \ab\af31507 \ltrch\fcs0 \b \tscfirstcol List Table 2 Accent 5;}{\*\ts242\tsrowd \rtlch\fcs1 \ab\af31507 \ltrch\fcs0 \b \tsclastcol List Table 2 Accent 5;}{\*
\ts242\tsrowd\tscellcfpat0\tscellcbpat28\tscellpct0 \rtlch\fcs1 \af31507 \ltrch\fcs0 \tscbandvertodd List Table 2 Accent 5;}{\*\ts242\tsrowd\tscellcfpat0\tscellcbpat28\tscellpct0 \rtlch\fcs1 \af31507 \ltrch\fcs0 \tscbandhorzodd List Table 2 Accent 5;}{\*
\ts243\tsrowd\trbrdrt\brdrs\brdrw10\brdrcf30 \trbrdrb\brdrs\brdrw10\brdrcf30 \trbrdrh\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3 \spriority47 \styrsid15940483 List Table 2 Accent 6;}{\*\ts243\tsrowd \rtlch\fcs1 \ab\af31507 \ltrch\fcs0 \b \tscfirstrow List Table 2 Accent 6;}{\*\ts243\tsrowd \rtlch\fcs1 \ab\af31507 \ltrch\fcs0 \b \tsclastrow 
List Table 2 Accent 6;}{\*\ts243\tsrowd \rtlch\fcs1 \ab\af31507 \ltrch\fcs0 \b \tscfirstcol List Table 2 Accent 6;}{\*\ts243\tsrowd \rtlch\fcs1 \ab\af31507 \ltrch\fcs0 \b \tsclastcol List Table 2 Accent 6;}{\*
\ts243\tsrowd\tscellcfpat0\tscellcbpat58\tscellpct0 \rtlch\fcs1 \af31507 \ltrch\fcs0 \tscbandvertodd List Table 2 Accent 6;}{\*\ts243\tsrowd\tscellcfpat0\tscellcbpat58\tscellpct0 \rtlch\fcs1 \af31507 \ltrch\fcs0 \tscbandhorzodd List Table 2 Accent 6;}{\*
\ts244\tsrowd\trbrdrt\brdrs\brdrw10\brdrcf32 \trbrdrl\brdrs\brdrw10\brdrcf32 \trbrdrb\brdrs\brdrw10\brdrcf32 \trbrdrr\brdrs\brdrw10\brdrcf32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4 \spriority48 \styrsid15940483 List Table 3;}{\*\ts244\tsrowd\tscellcfpat0\tscellcbpat32\tscellpct0 \rtlch\fcs1 \ab\af31507 \ltrch\fcs0 \b\cf22 \tscfirstrow List Table 3;}{\*\ts244\tsrowd\tscellcfpat0\tscellcbpat22\tscellpct0\tsbrdrt
\brdrdb\brdrw10\brdrcf32 \rtlch\fcs1 \ab\af31507 \ltrch\fcs0 \b \tsclastrow List Table 3;}{\*\ts244\tsrowd\tscellcfpat0\tscellcbpat22\tscellpct0\tsbrdrr\brdrnone \rtlch\fcs1 \ab\af31507 \ltrch\fcs0 \b \tscfirstcol List Table 3;}{\*
\ts244\tsrowd\tscellcfpat0\tscellcbpat22\tscellpct0\tsbrdrl\brdrnone \rtlch\fcs1 \ab\af31507 \ltrch\fcs0 \b \tsclastcol List Table 3;}{\*\ts244\tsrowd\tsbrdrl\brdrs\brdrw10\brdrcf32 \tsbrdrr\brdrs\brdrw10\brdrcf32 \rtlch\fcs1 \af31507 \ltrch\fcs0 
\tscbandvertodd List Table 3;}{\*\ts244\tsrowd\tsbrdrt\brdrs\brdrw10\brdrcf32 \tsbrdrb\brdrs\brdrw10\brdrcf32 \tsbrdrh\brdrnone \rtlch\fcs1 \af31507 \ltrch\fcs0 \tscbandhorzodd List Table 3;}{\*\ts244\tsrowd\tsbrdrl\brdrnone \tsbrdrb\brdrnone \rtlch\fcs1 
\af31507 \ltrch\fcs0 \tscnecell List Table 3;}{\*\ts244\tsrowd\tsbrdrb\brdrnone \tsbrdrr\brdrnone \rtlch\fcs1 \af31507 \ltrch\fcs0 \tscnwcell List Table 3;}{\*\ts244\tsrowd\tsbrdrt\brdrdb\brdrw10\brdrcf32 \tsbrdrl\brdrnone \rtlch\fcs1 \af31507 
\ltrch\fcs0 \tscsecell List Table 3;}{\*\ts244\tsrowd\tsbrdrt\brdrdb\brdrw10\brdrcf32 \tsbrdrr\brdrnone \rtlch\fcs1 \af31507 \ltrch\fcs0 \tscswcell List Table 3;}{\*\ts245\tsrowd\trbrdrt\brdrs\brdrw10\brdrcf82 \trbrdrl\brdrs\brdrw10\brdrcf82 \trbrdrb
\brdrs\brdrw10\brdrcf82 \trbrdrr\brdrs\brdrw10\brdrcf82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5 \spriority48 \styrsid15940483 List Table 3 Accent 1;}{\*\ts245\tsrowd\tscellcfpat0\tscellcbpat82\tscellpct0 \rtlch\fcs1 \ab\af31507 \ltrch\fcs0 \b\cf22 \tscfirstrow List Table 3 Accent 1;}{\*
\ts245\tsrowd\tscellcfpat0\tscellcbpat22\tscellpct0\tsbrdrt\brdrdb\brdrw10\brdrcf82 \rtlch\fcs1 \ab\af31507 \ltrch\fcs0 \b \tsclastrow List Table 3 Accent 1;}{\*\ts245\tsrowd\tscellcfpat0\tscellcbpat22\tscellpct0\tsbrdrr\brdrnone \rtlch\fcs1 \ab\af31507 
\ltrch\fcs0 \b \tscfirstcol List Table 3 Accent 1;}{\*\ts245\tsrowd\tscellcfpat0\tscellcbpat22\tscellpct0\tsbrdrl\brdrnone \rtlch\fcs1 \ab\af31507 \ltrch\fcs0 \b \tsclastcol List Table 3 Accent 1;}{\*\ts245\tsrowd\tsbrdrl\brdrs\brdrw10\brdrcf82 \tsbrdrr
\brdrs\brdrw10\brdrcf82 \rtlch\fcs1 \af31507 \ltrch\fcs0 \tscbandvertodd List Table 3 Accent 1;}{\*\ts245\tsrowd\tsbrdrt\brdrs\brdrw10\brdrcf82 \tsbrdrb\brdrs\brdrw10\brdrcf82 \tsbrdrh\brdrnone \rtlch\fcs1 \af31507 \ltrch\fcs0 \tscbandhorzodd 
List Table 3 Accent 1;}{\*\ts245\tsrowd\tsbrdrl\brdrnone \tsbrdrb\brdrnone \rtlch\fcs1 \af31507 \ltrch\fcs0 \tscnecell List Table 3 Accent 1;}{\*\ts245\tsrowd\tsbrdrb\brdrnone \tsbrdrr\brdrnone \rtlch\fcs1 \af31507 \ltrch\fcs0 \tscnwcell 
List Table 3 Accent 1;}{\*\ts245\tsrowd\tsbrdrt\brdrdb\brdrw10\brdrcf82 \tsbrdrl\brdrnone \rtlch\fcs1 \af31507 \ltrch\fcs0 \tscsecell List Table 3 Accent 1;}{\*\ts245\tsrowd\tsbrdrt\brdrdb\brdrw10\brdrcf82 \tsbrdrr\brdrnone \rtlch\fcs1 \af31507 
\ltrch\fcs0 \tscswcell List Table 3 Accent 1;}{\*\ts246\tsrowd\trbrdrt\brdrs\brdrw10\brdrcf80 \trbrdrl\brdrs\brdrw10\brdrcf80 \trbrdrb\brdrs\brdrw10\brdrcf80 \trbrdrr\brdrs\brdrw10\brdrcf8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6 \spriority48 \styrsid15940483 List Table 3 Accent 2;}{\*\ts246\tsrowd\tscellcfpat0\tscellcbpat80\tscellpct0 \rtlch\fcs1 \ab\af31507 \ltrch\fcs0 \b\cf22 \tscfirstrow List Table 3 Accent 2;}{\*
\ts246\tsrowd\tscellcfpat0\tscellcbpat22\tscellpct0\tsbrdrt\brdrdb\brdrw10\brdrcf80 \rtlch\fcs1 \ab\af31507 \ltrch\fcs0 \b \tsclastrow List Table 3 Accent 2;}{\*\ts246\tsrowd\tscellcfpat0\tscellcbpat22\tscellpct0\tsbrdrr\brdrnone \rtlch\fcs1 \ab\af31507 
\ltrch\fcs0 \b \tscfirstcol List Table 3 Accent 2;}{\*\ts246\tsrowd\tscellcfpat0\tscellcbpat22\tscellpct0\tsbrdrl\brdrnone \rtlch\fcs1 \ab\af31507 \ltrch\fcs0 \b \tsclastcol List Table 3 Accent 2;}{\*\ts246\tsrowd\tsbrdrl\brdrs\brdrw10\brdrcf80 \tsbrdrr
\brdrs\brdrw10\brdrcf80 \rtlch\fcs1 \af31507 \ltrch\fcs0 \tscbandvertodd List Table 3 Accent 2;}{\*\ts246\tsrowd\tsbrdrt\brdrs\brdrw10\brdrcf80 \tsbrdrb\brdrs\brdrw10\brdrcf80 \tsbrdrh\brdrnone \rtlch\fcs1 \af31507 \ltrch\fcs0 \tscbandhorzodd 
List Table 3 Accent 2;}{\*\ts246\tsrowd\tsbrdrl\brdrnone \tsbrdrb\brdrnone \rtlch\fcs1 \af31507 \ltrch\fcs0 \tscnecell List Table 3 Accent 2;}{\*\ts246\tsrowd\tsbrdrb\brdrnone \tsbrdrr\brdrnone \rtlch\fcs1 \af31507 \ltrch\fcs0 \tscnwcell 
List Table 3 Accent 2;}{\*\ts246\tsrowd\tsbrdrt\brdrdb\brdrw10\brdrcf80 \tsbrdrl\brdrnone \rtlch\fcs1 \af31507 \ltrch\fcs0 \tscsecell List Table 3 Accent 2;}{\*\ts246\tsrowd\tsbrdrt\brdrdb\brdrw10\brdrcf80 \tsbrdrr\brdrnone \rtlch\fcs1 \af31507 
\ltrch\fcs0 \tscswcell List Table 3 Accent 2;}{\*\ts247\tsrowd\trbrdrt\brdrs\brdrw10\brdrcf86 \trbrdrl\brdrs\brdrw10\brdrcf86 \trbrdrb\brdrs\brdrw10\brdrcf86 \trbrdrr\brdrs\brdrw10\brdrcf8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7 \spriority48 \styrsid15940483 List Table 3 Accent 3;}{\*\ts247\tsrowd\tscellcfpat0\tscellcbpat86\tscellpct0 \rtlch\fcs1 \ab\af31507 \ltrch\fcs0 \b\cf22 \tscfirstrow List Table 3 Accent 3;}{\*
\ts247\tsrowd\tscellcfpat0\tscellcbpat22\tscellpct0\tsbrdrt\brdrdb\brdrw10\brdrcf86 \rtlch\fcs1 \ab\af31507 \ltrch\fcs0 \b \tsclastrow List Table 3 Accent 3;}{\*\ts247\tsrowd\tscellcfpat0\tscellcbpat22\tscellpct0\tsbrdrr\brdrnone \rtlch\fcs1 \ab\af31507 
\ltrch\fcs0 \b \tscfirstcol List Table 3 Accent 3;}{\*\ts247\tsrowd\tscellcfpat0\tscellcbpat22\tscellpct0\tsbrdrl\brdrnone \rtlch\fcs1 \ab\af31507 \ltrch\fcs0 \b \tsclastcol List Table 3 Accent 3;}{\*\ts247\tsrowd\tsbrdrl\brdrs\brdrw10\brdrcf86 \tsbrdrr
\brdrs\brdrw10\brdrcf86 \rtlch\fcs1 \af31507 \ltrch\fcs0 \tscbandvertodd List Table 3 Accent 3;}{\*\ts247\tsrowd\tsbrdrt\brdrs\brdrw10\brdrcf86 \tsbrdrb\brdrs\brdrw10\brdrcf86 \tsbrdrh\brdrnone \rtlch\fcs1 \af31507 \ltrch\fcs0 \tscbandhorzodd 
List Table 3 Accent 3;}{\*\ts247\tsrowd\tsbrdrl\brdrnone \tsbrdrb\brdrnone \rtlch\fcs1 \af31507 \ltrch\fcs0 \tscnecell List Table 3 Accent 3;}{\*\ts247\tsrowd\tsbrdrb\brdrnone \tsbrdrr\brdrnone \rtlch\fcs1 \af31507 \ltrch\fcs0 \tscnwcell 
List Table 3 Accent 3;}{\*\ts247\tsrowd\tsbrdrt\brdrdb\brdrw10\brdrcf86 \tsbrdrl\brdrnone \rtlch\fcs1 \af31507 \ltrch\fcs0 \tscsecell List Table 3 Accent 3;}{\*\ts247\tsrowd\tsbrdrt\brdrdb\brdrw10\brdrcf86 \tsbrdrr\brdrnone \rtlch\fcs1 \af31507 
\ltrch\fcs0 \tscswcell List Table 3 Accent 3;}{\*\ts248\tsrowd\trbrdrt\brdrs\brdrw10\brdrcf85 \trbrdrl\brdrs\brdrw10\brdrcf85 \trbrdrb\brdrs\brdrw10\brdrcf85 \trbrdrr\brdrs\brdrw10\brdrcf8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8 \spriority48 \styrsid15940483 List Table 3 Accent 4;}{\*\ts248\tsrowd\tscellcfpat0\tscellcbpat85\tscellpct0 \rtlch\fcs1 \ab\af31507 \ltrch\fcs0 \b\cf22 \tscfirstrow List Table 3 Accent 4;}{\*
\ts248\tsrowd\tscellcfpat0\tscellcbpat22\tscellpct0\tsbrdrt\brdrdb\brdrw10\brdrcf85 \rtlch\fcs1 \ab\af31507 \ltrch\fcs0 \b \tsclastrow List Table 3 Accent 4;}{\*\ts248\tsrowd\tscellcfpat0\tscellcbpat22\tscellpct0\tsbrdrr\brdrnone \rtlch\fcs1 \ab\af31507 
\ltrch\fcs0 \b \tscfirstcol List Table 3 Accent 4;}{\*\ts248\tsrowd\tscellcfpat0\tscellcbpat22\tscellpct0\tsbrdrl\brdrnone \rtlch\fcs1 \ab\af31507 \ltrch\fcs0 \b \tsclastcol List Table 3 Accent 4;}{\*\ts248\tsrowd\tsbrdrl\brdrs\brdrw10\brdrcf85 \tsbrdrr
\brdrs\brdrw10\brdrcf85 \rtlch\fcs1 \af31507 \ltrch\fcs0 \tscbandvertodd List Table 3 Accent 4;}{\*\ts248\tsrowd\tsbrdrt\brdrs\brdrw10\brdrcf85 \tsbrdrb\brdrs\brdrw10\brdrcf85 \tsbrdrh\brdrnone \rtlch\fcs1 \af31507 \ltrch\fcs0 \tscbandhorzodd 
List Table 3 Accent 4;}{\*\ts248\tsrowd\tsbrdrl\brdrnone \tsbrdrb\brdrnone \rtlch\fcs1 \af31507 \ltrch\fcs0 \tscnecell List Table 3 Accent 4;}{\*\ts248\tsrowd\tsbrdrb\brdrnone \tsbrdrr\brdrnone \rtlch\fcs1 \af31507 \ltrch\fcs0 \tscnwcell 
List Table 3 Accent 4;}{\*\ts248\tsrowd\tsbrdrt\brdrdb\brdrw10\brdrcf85 \tsbrdrl\brdrnone \rtlch\fcs1 \af31507 \ltrch\fcs0 \tscsecell List Table 3 Accent 4;}{\*\ts248\tsrowd\tsbrdrt\brdrdb\brdrw10\brdrcf85 \tsbrdrr\brdrnone \rtlch\fcs1 \af31507 
\ltrch\fcs0 \tscswcell List Table 3 Accent 4;}{\*\ts249\tsrowd\trbrdrt\brdrs\brdrw10\brdrcf17 \trbrdrl\brdrs\brdrw10\brdrcf17 \trbrdrb\brdrs\brdrw10\brdrcf17 \trbrdrr\brdrs\brdrw10\brdrcf17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9 \spriority48 \styrsid15940483 List Table 3 Accent 5;}{\*\ts249\tsrowd\tscellcfpat0\tscellcbpat17\tscellpct0 \rtlch\fcs1 \ab\af31507 \ltrch\fcs0 \b\cf22 \tscfirstrow List Table 3 Accent 5;}{\*
\ts249\tsrowd\tscellcfpat0\tscellcbpat22\tscellpct0\tsbrdrt\brdrdb\brdrw10\brdrcf17 \rtlch\fcs1 \ab\af31507 \ltrch\fcs0 \b \tsclastrow List Table 3 Accent 5;}{\*\ts249\tsrowd\tscellcfpat0\tscellcbpat22\tscellpct0\tsbrdrr\brdrnone \rtlch\fcs1 \ab\af31507 
\ltrch\fcs0 \b \tscfirstcol List Table 3 Accent 5;}{\*\ts249\tsrowd\tscellcfpat0\tscellcbpat22\tscellpct0\tsbrdrl\brdrnone \rtlch\fcs1 \ab\af31507 \ltrch\fcs0 \b \tsclastcol List Table 3 Accent 5;}{\*\ts249\tsrowd\tsbrdrl\brdrs\brdrw10\brdrcf17 \tsbrdrr
\brdrs\brdrw10\brdrcf17 \rtlch\fcs1 \af31507 \ltrch\fcs0 \tscbandvertodd List Table 3 Accent 5;}{\*\ts249\tsrowd\tsbrdrt\brdrs\brdrw10\brdrcf17 \tsbrdrb\brdrs\brdrw10\brdrcf17 \tsbrdrh\brdrnone \rtlch\fcs1 \af31507 \ltrch\fcs0 \tscbandhorzodd 
List Table 3 Accent 5;}{\*\ts249\tsrowd\tsbrdrl\brdrnone \tsbrdrb\brdrnone \rtlch\fcs1 \af31507 \ltrch\fcs0 \tscnecell List Table 3 Accent 5;}{\*\ts249\tsrowd\tsbrdrb\brdrnone \tsbrdrr\brdrnone \rtlch\fcs1 \af31507 \ltrch\fcs0 \tscnwcell 
List Table 3 Accent 5;}{\*\ts249\tsrowd\tsbrdrt\brdrdb\brdrw10\brdrcf17 \tsbrdrl\brdrnone \rtlch\fcs1 \af31507 \ltrch\fcs0 \tscsecell List Table 3 Accent 5;}{\*\ts249\tsrowd\tsbrdrt\brdrdb\brdrw10\brdrcf17 \tsbrdrr\brdrnone \rtlch\fcs1 \af31507 
\ltrch\fcs0 \tscswcell List Table 3 Accent 5;}{\*\ts250\tsrowd\trbrdrt\brdrs\brdrw10\brdrcf89 \trbrdrl\brdrs\brdrw10\brdrcf89 \trbrdrb\brdrs\brdrw10\brdrcf89 \trbrdrr\brdrs\brdrw10\brdrcf8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0 \spriority48 \styrsid15940483 List Table 3 Accent 6;}{\*\ts250\tsrowd\tscellcfpat0\tscellcbpat89\tscellpct0 \rtlch\fcs1 \ab\af31507 \ltrch\fcs0 \b\cf22 \tscfirstrow List Table 3 Accent 6;}{\*
\ts250\tsrowd\tscellcfpat0\tscellcbpat22\tscellpct0\tsbrdrt\brdrdb\brdrw10\brdrcf89 \rtlch\fcs1 \ab\af31507 \ltrch\fcs0 \b \tsclastrow List Table 3 Accent 6;}{\*\ts250\tsrowd\tscellcfpat0\tscellcbpat22\tscellpct0\tsbrdrr\brdrnone \rtlch\fcs1 \ab\af31507 
\ltrch\fcs0 \b \tscfirstcol List Table 3 Accent 6;}{\*\ts250\tsrowd\tscellcfpat0\tscellcbpat22\tscellpct0\tsbrdrl\brdrnone \rtlch\fcs1 \ab\af31507 \ltrch\fcs0 \b \tsclastcol List Table 3 Accent 6;}{\*\ts250\tsrowd\tsbrdrl\brdrs\brdrw10\brdrcf89 \tsbrdrr
\brdrs\brdrw10\brdrcf89 \rtlch\fcs1 \af31507 \ltrch\fcs0 \tscbandvertodd List Table 3 Accent 6;}{\*\ts250\tsrowd\tsbrdrt\brdrs\brdrw10\brdrcf89 \tsbrdrb\brdrs\brdrw10\brdrcf89 \tsbrdrh\brdrnone \rtlch\fcs1 \af31507 \ltrch\fcs0 \tscbandhorzodd 
List Table 3 Accent 6;}{\*\ts250\tsrowd\tsbrdrl\brdrnone \tsbrdrb\brdrnone \rtlch\fcs1 \af31507 \ltrch\fcs0 \tscnecell List Table 3 Accent 6;}{\*\ts250\tsrowd\tsbrdrb\brdrnone \tsbrdrr\brdrnone \rtlch\fcs1 \af31507 \ltrch\fcs0 \tscnwcell 
List Table 3 Accent 6;}{\*\ts250\tsrowd\tsbrdrt\brdrdb\brdrw10\brdrcf89 \tsbrdrl\brdrnone \rtlch\fcs1 \af31507 \ltrch\fcs0 \tscsecell List Table 3 Accent 6;}{\*\ts250\tsrowd\tsbrdrt\brdrdb\brdrw10\brdrcf89 \tsbrdrr\brdrnone \rtlch\fcs1 \af31507 
\ltrch\fcs0 \tscswcell List Table 3 Accent 6;}{\*\ts251\tsrowd\trbrdrt\brdrs\brdrw10\brdrcf25 \trbrdrl\brdrs\brdrw10\brdrcf25 \trbrdrb\brdrs\brdrw10\brdrcf25 \trbrdrr\brdrs\brdrw10\brdrcf25 \trbrdrh\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1 \spriority49 \styrsid15940483 List Table 4;}{\*\ts251\tsrowd\tscellcfpat0\tscellcbpat32\tscellpct0\tsbrdrt\brdrs\brdrw10\brdrcf32 \tsbrdrl\brdrs\brdrw10\brdrcf32 \tsbrdrb\brdrs\brdrw10\brdrcf32 \tsbrdrr\brdrs\brdrw10\brdrcf32 
\tsbrdrh\brdrnone \rtlch\fcs1 \ab\af31507 \ltrch\fcs0 \b\cf22 \tscfirstrow List Table 4;}{\*\ts251\tsrowd\tsbrdrt\brdrdb\brdrw10\brdrcf25 \rtlch\fcs1 \ab\af31507 \ltrch\fcs0 \b \tsclastrow List Table 4;}{\*\ts251\tsrowd \rtlch\fcs1 \ab\af31507 
\ltrch\fcs0 \b \tscfirstcol List Table 4;}{\*\ts251\tsrowd \rtlch\fcs1 \ab\af31507 \ltrch\fcs0 \b \tsclastcol List Table 4;}{\*\ts251\tsrowd\tscellcfpat0\tscellcbpat31\tscellpct0 \rtlch\fcs1 \af31507 \ltrch\fcs0 \tscbandvertodd List Table 4;}{\*
\ts251\tsrowd\tscellcfpat0\tscellcbpat31\tscellpct0 \rtlch\fcs1 \af31507 \ltrch\fcs0 \tscbandhorzodd List Table 4;}{\*\ts252\tsrowd\trbrdrt\brdrs\brdrw10\brdrcf34 \trbrdrl\brdrs\brdrw10\brdrcf34 \trbrdrb\brdrs\brdrw10\brdrcf34 \trbrdrr
\brdrs\brdrw10\brdrcf34 \trbrdrh\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2 \spriority49 \styrsid15940483 List Table 4 Accent 1;}{\*\ts252\tsrowd\tscellcfpat0\tscellcbpat82\tscellpct0\tsbrdrt\brdrs\brdrw10\brdrcf82 \tsbrdrl\brdrs\brdrw10\brdrcf82 \tsbrdrb\brdrs\brdrw10\brdrcf82 \tsbrdrr
\brdrs\brdrw10\brdrcf82 \tsbrdrh\brdrnone \rtlch\fcs1 \ab\af31507 \ltrch\fcs0 \b\cf22 \tscfirstrow List Table 4 Accent 1;}{\*\ts252\tsrowd\tsbrdrt\brdrdb\brdrw10\brdrcf34 \rtlch\fcs1 \ab\af31507 \ltrch\fcs0 \b \tsclastrow List Table 4 Accent 1;}{\*
\ts252\tsrowd \rtlch\fcs1 \ab\af31507 \ltrch\fcs0 \b \tscfirstcol List Table 4 Accent 1;}{\*\ts252\tsrowd \rtlch\fcs1 \ab\af31507 \ltrch\fcs0 \b \tsclastcol List Table 4 Accent 1;}{\*\ts252\tsrowd\tscellcfpat0\tscellcbpat41\tscellpct0 \rtlch\fcs1 
\af31507 \ltrch\fcs0 \tscbandvertodd List Table 4 Accent 1;}{\*\ts252\tsrowd\tscellcfpat0\tscellcbpat41\tscellpct0 \rtlch\fcs1 \af31507 \ltrch\fcs0 \tscbandhorzodd List Table 4 Accent 1;}{\*\ts253\tsrowd\trbrdrt\brdrs\brdrw10\brdrcf98 \trbrdrl
\brdrs\brdrw10\brdrcf98 \trbrdrb\brdrs\brdrw10\brdrcf98 \trbrdrr\brdrs\brdrw10\brdrcf98 \trbrdrh\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3 \spriority49 \styrsid15940483 List Table 4 Accent 2;}{\*\ts253\tsrowd\tscellcfpat0\tscellcbpat80\tscellpct0\tsbrdrt\brdrs\brdrw10\brdrcf80 \tsbrdrl\brdrs\brdrw10\brdrcf80 \tsbrdrb\brdrs\brdrw10\brdrcf80 \tsbrdrr
\brdrs\brdrw10\brdrcf80 \tsbrdrh\brdrnone \rtlch\fcs1 \ab\af31507 \ltrch\fcs0 \b\cf22 \tscfirstrow List Table 4 Accent 2;}{\*\ts253\tsrowd\tsbrdrt\brdrdb\brdrw10\brdrcf98 \rtlch\fcs1 \ab\af31507 \ltrch\fcs0 \b \tsclastrow List Table 4 Accent 2;}{\*
\ts253\tsrowd \rtlch\fcs1 \ab\af31507 \ltrch\fcs0 \b \tscfirstcol List Table 4 Accent 2;}{\*\ts253\tsrowd \rtlch\fcs1 \ab\af31507 \ltrch\fcs0 \b \tsclastcol List Table 4 Accent 2;}{\*\ts253\tsrowd\tscellcfpat0\tscellcbpat44\tscellpct0 \rtlch\fcs1 
\af31507 \ltrch\fcs0 \tscbandvertodd List Table 4 Accent 2;}{\*\ts253\tsrowd\tscellcfpat0\tscellcbpat44\tscellpct0 \rtlch\fcs1 \af31507 \ltrch\fcs0 \tscbandhorzodd List Table 4 Accent 2;}{\*\ts254\tsrowd\trbrdrt\brdrs\brdrw10\brdrcf99 \trbrdrl
\brdrs\brdrw10\brdrcf99 \trbrdrb\brdrs\brdrw10\brdrcf99 \trbrdrr\brdrs\brdrw10\brdrcf99 \trbrdrh\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4 \spriority49 \styrsid15940483 List Table 4 Accent 3;}{\*\ts254\tsrowd\tscellcfpat0\tscellcbpat86\tscellpct0\tsbrdrt\brdrs\brdrw10\brdrcf86 \tsbrdrl\brdrs\brdrw10\brdrcf86 \tsbrdrb\brdrs\brdrw10\brdrcf86 \tsbrdrr
\brdrs\brdrw10\brdrcf86 \tsbrdrh\brdrnone \rtlch\fcs1 \ab\af31507 \ltrch\fcs0 \b\cf22 \tscfirstrow List Table 4 Accent 3;}{\*\ts254\tsrowd\tsbrdrt\brdrdb\brdrw10\brdrcf99 \rtlch\fcs1 \ab\af31507 \ltrch\fcs0 \b \tsclastrow List Table 4 Accent 3;}{\*
\ts254\tsrowd \rtlch\fcs1 \ab\af31507 \ltrch\fcs0 \b \tscfirstcol List Table 4 Accent 3;}{\*\ts254\tsrowd \rtlch\fcs1 \ab\af31507 \ltrch\fcs0 \b \tsclastcol List Table 4 Accent 3;}{\*\ts254\tsrowd\tscellcfpat0\tscellcbpat47\tscellpct0 \rtlch\fcs1 
\af31507 \ltrch\fcs0 \tscbandvertodd List Table 4 Accent 3;}{\*\ts254\tsrowd\tscellcfpat0\tscellcbpat47\tscellpct0 \rtlch\fcs1 \af31507 \ltrch\fcs0 \tscbandhorzodd List Table 4 Accent 3;}{\*\ts255\tsrowd\trbrdrt\brdrs\brdrw10\brdrcf100 \trbrdrl
\brdrs\brdrw10\brdrcf100 \trbrdrb\brdrs\brdrw10\brdrcf100 \trbrdrr\brdrs\brdrw10\brdrcf100 \trbrdrh\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5 \spriority49 \styrsid15940483 List Table 4 Accent 4;}{\*\ts255\tsrowd\tscellcfpat0\tscellcbpat85\tscellpct0\tsbrdrt\brdrs\brdrw10\brdrcf85 \tsbrdrl\brdrs\brdrw10\brdrcf85 \tsbrdrb\brdrs\brdrw10\brdrcf85 \tsbrdrr
\brdrs\brdrw10\brdrcf85 \tsbrdrh\brdrnone \rtlch\fcs1 \ab\af31507 \ltrch\fcs0 \b\cf22 \tscfirstrow List Table 4 Accent 4;}{\*\ts255\tsrowd\tsbrdrt\brdrdb\brdrw10\brdrcf100 \rtlch\fcs1 \ab\af31507 \ltrch\fcs0 \b \tsclastrow List Table 4 Accent 4;}{\*
\ts255\tsrowd \rtlch\fcs1 \ab\af31507 \ltrch\fcs0 \b \tscfirstcol List Table 4 Accent 4;}{\*\ts255\tsrowd \rtlch\fcs1 \ab\af31507 \ltrch\fcs0 \b \tsclastcol List Table 4 Accent 4;}{\*\ts255\tsrowd\tscellcfpat0\tscellcbpat51\tscellpct0 \rtlch\fcs1 
\af31507 \ltrch\fcs0 \tscbandvertodd List Table 4 Accent 4;}{\*\ts255\tsrowd\tscellcfpat0\tscellcbpat51\tscellpct0 \rtlch\fcs1 \af31507 \ltrch\fcs0 \tscbandhorzodd List Table 4 Accent 4;}{\*\ts256\tsrowd\trbrdrt\brdrs\brdrw10\brdrcf26 \trbrdrl
\brdrs\brdrw10\brdrcf26 \trbrdrb\brdrs\brdrw10\brdrcf26 \trbrdrr\brdrs\brdrw10\brdrcf26 \trbrdrh\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6 \spriority49 \styrsid15940483 List Table 4 Accent 5;}{\*\ts256\tsrowd\tscellcfpat0\tscellcbpat17\tscellpct0\tsbrdrt\brdrs\brdrw10\brdrcf17 \tsbrdrl\brdrs\brdrw10\brdrcf17 \tsbrdrb\brdrs\brdrw10\brdrcf17 \tsbrdrr
\brdrs\brdrw10\brdrcf17 \tsbrdrh\brdrnone \rtlch\fcs1 \ab\af31507 \ltrch\fcs0 \b\cf22 \tscfirstrow List Table 4 Accent 5;}{\*\ts256\tsrowd\tsbrdrt\brdrdb\brdrw10\brdrcf26 \rtlch\fcs1 \ab\af31507 \ltrch\fcs0 \b \tsclastrow List Table 4 Accent 5;}{\*
\ts256\tsrowd \rtlch\fcs1 \ab\af31507 \ltrch\fcs0 \b \tscfirstcol List Table 4 Accent 5;}{\*\ts256\tsrowd \rtlch\fcs1 \ab\af31507 \ltrch\fcs0 \b \tsclastcol List Table 4 Accent 5;}{\*\ts256\tsrowd\tscellcfpat0\tscellcbpat28\tscellpct0 \rtlch\fcs1 
\af31507 \ltrch\fcs0 \tscbandvertodd List Table 4 Accent 5;}{\*\ts256\tsrowd\tscellcfpat0\tscellcbpat28\tscellpct0 \rtlch\fcs1 \af31507 \ltrch\fcs0 \tscbandhorzodd List Table 4 Accent 5;}{\*\ts257\tsrowd\trbrdrt\brdrs\brdrw10\brdrcf30 \trbrdrl
\brdrs\brdrw10\brdrcf30 \trbrdrb\brdrs\brdrw10\brdrcf30 \trbrdrr\brdrs\brdrw10\brdrcf30 \trbrdrh\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7 \spriority49 \styrsid15940483 List Table 4 Accent 6;}{\*\ts257\tsrowd\tscellcfpat0\tscellcbpat89\tscellpct0\tsbrdrt\brdrs\brdrw10\brdrcf89 \tsbrdrl\brdrs\brdrw10\brdrcf89 \tsbrdrb\brdrs\brdrw10\brdrcf89 \tsbrdrr
\brdrs\brdrw10\brdrcf89 \tsbrdrh\brdrnone \rtlch\fcs1 \ab\af31507 \ltrch\fcs0 \b\cf22 \tscfirstrow List Table 4 Accent 6;}{\*\ts257\tsrowd\tsbrdrt\brdrdb\brdrw10\brdrcf30 \rtlch\fcs1 \ab\af31507 \ltrch\fcs0 \b \tsclastrow List Table 4 Accent 6;}{\*
\ts257\tsrowd \rtlch\fcs1 \ab\af31507 \ltrch\fcs0 \b \tscfirstcol List Table 4 Accent 6;}{\*\ts257\tsrowd \rtlch\fcs1 \ab\af31507 \ltrch\fcs0 \b \tsclastcol List Table 4 Accent 6;}{\*\ts257\tsrowd\tscellcfpat0\tscellcbpat58\tscellpct0 \rtlch\fcs1 
\af31507 \ltrch\fcs0 \tscbandvertodd List Table 4 Accent 6;}{\*\ts257\tsrowd\tscellcfpat0\tscellcbpat58\tscellpct0 \rtlch\fcs1 \af31507 \ltrch\fcs0 \tscbandhorzodd List Table 4 Accent 6;}{\*\ts258\tsrowd\trbrdrt\brdrs\brdrw60\brdrcf32 \trbrdrl
\brdrs\brdrw60\brdrcf32 \trbrdrb\brdrs\brdrw60\brdrcf32 \trbrdrr\brdrs\brdrw60\brdrcf32 
\trftsWidthB3\trpaddl108\trpaddr108\trpaddfl3\trpaddft3\trpaddfb3\trpaddfr3\tscbandsh1\tscbandsv1\tblind0\tblindtype3\tsvertalt\tscellcbpat32\tsbrdrt\tsbrdrl\tsbrdrb\tsbrdrr\tsbrdrdgl\tsbrdrdgr\tsbrdrh\tsbrdrv 
\ql \li0\ri0\sb160\widctlpar\wrapdefault\aspalpha\aspnum\faauto\adjustright\rin0\lin0\itap0 \rtlch\fcs1 \af31507\afs22\alang1025 \ltrch\fcs0 \f31506\fs22\cf22\lang1033\langfe1033\cgrid\langnp1033\langfenp1033 
\sbasedon11 \snext258 \spriority50 \styrsid15940483 List Table 5 Dark;}{\*\ts258\tsrowd\tsbrdrb\brdrs\brdrw45\brdrcf22 \rtlch\fcs1 \ab\af31507 \ltrch\fcs0 \b \tscfirstrow List Table 5 Dark;}{\*\ts258\tsrowd\tsbrdrt\brdrs\brdrw10\brdrcf22 \rtlch\fcs1 
\ab\af31507 \ltrch\fcs0 \b \tsclastrow List Table 5 Dark;}{\*\ts258\tsrowd\tsbrdrr\brdrs\brdrw10\brdrcf22 \rtlch\fcs1 \ab\af31507 \ltrch\fcs0 \b \tscfirstcol List Table 5 Dark;}{\*\ts258\tsrowd\tsbrdrl\brdrs\brdrw10\brdrcf22 \rtlch\fcs1 \ab\af31507 
\ltrch\fcs0 \b \tsclastcol List Table 5 Dark;}{\*\ts258\tsrowd\tsbrdrl\brdrs\brdrw10\brdrcf22 \tsbrdrr\brdrs\brdrw10\brdrcf22 \rtlch\fcs1 \af31507 \ltrch\fcs0 \tscbandvertodd List Table 5 Dark;}{\*\ts258\tsrowd\tsbrdrl\brdrs\brdrw10\brdrcf22 \tsbrdrr
\brdrs\brdrw10\brdrcf22 \rtlch\fcs1 \af31507 \ltrch\fcs0 \tscbandverteven List Table 5 Dark;}{\*\ts258\tsrowd\tsbrdrt\brdrs\brdrw10\brdrcf22 \tsbrdrb\brdrs\brdrw10\brdrcf22 \rtlch\fcs1 \af31507 \ltrch\fcs0 \tscbandhorzodd List Table 5 Dark;}{\*
\ts258\tsrowd\tsbrdrl\brdrnone \rtlch\fcs1 \af31507 \ltrch\fcs0 \tscnecell List Table 5 Dark;}{\*\ts258\tsrowd\tsbrdrr\brdrnone \rtlch\fcs1 \af31507 \ltrch\fcs0 \tscnwcell List Table 5 Dark;}{\*\ts258\tsrowd\tsbrdrt\brdrnone \tsbrdrl\brdrnone \rtlch\fcs1 
\af31507 \ltrch\fcs0 \tscsecell List Table 5 Dark;}{\*\ts258\tsrowd\tsbrdrt\brdrnone \tsbrdrr\brdrnone \rtlch\fcs1 \af31507 \ltrch\fcs0 \tscswcell List Table 5 Dark;}{\*\ts259\tsrowd\trbrdrt\brdrs\brdrw60\brdrcf82 \trbrdrl\brdrs\brdrw60\brdrcf82 \trbrdrb
\brdrs\brdrw60\brdrcf82 \trbrdrr\brdrs\brdrw60\brdrcf82 
\trftsWidthB3\trpaddl108\trpaddr108\trpaddfl3\trpaddft3\trpaddfb3\trpaddfr3\tscbandsh1\tscbandsv1\tblind0\tblindtype3\tsvertalt\tscellcbpat82\tsbrdrt\tsbrdrl\tsbrdrb\tsbrdrr\tsbrdrdgl\tsbrdrdgr\tsbrdrh\tsbrdrv 
\ql \li0\ri0\sb160\widctlpar\wrapdefault\aspalpha\aspnum\faauto\adjustright\rin0\lin0\itap0 \rtlch\fcs1 \af31507\afs22\alang1025 \ltrch\fcs0 \f31506\fs22\cf22\lang1033\langfe1033\cgrid\langnp1033\langfenp1033 
\sbasedon11 \snext259 \spriority50 \styrsid15940483 List Table 5 Dark Accent 1;}{\*\ts259\tsrowd\tsbrdrb\brdrs\brdrw45\brdrcf22 \rtlch\fcs1 \ab\af31507 \ltrch\fcs0 \b \tscfirstrow List Table 5 Dark Accent 1;}{\*\ts259\tsrowd\tsbrdrt
\brdrs\brdrw10\brdrcf22 \rtlch\fcs1 \ab\af31507 \ltrch\fcs0 \b \tsclastrow List Table 5 Dark Accent 1;}{\*\ts259\tsrowd\tsbrdrr\brdrs\brdrw10\brdrcf22 \rtlch\fcs1 \ab\af31507 \ltrch\fcs0 \b \tscfirstcol List Table 5 Dark Accent 1;}{\*\ts259\tsrowd\tsbrdrl
\brdrs\brdrw10\brdrcf22 \rtlch\fcs1 \ab\af31507 \ltrch\fcs0 \b \tsclastcol List Table 5 Dark Accent 1;}{\*\ts259\tsrowd\tsbrdrl\brdrs\brdrw10\brdrcf22 \tsbrdrr\brdrs\brdrw10\brdrcf22 \rtlch\fcs1 \af31507 \ltrch\fcs0 \tscbandvertodd 
List Table 5 Dark Accent 1;}{\*\ts259\tsrowd\tsbrdrl\brdrs\brdrw10\brdrcf22 \tsbrdrr\brdrs\brdrw10\brdrcf22 \rtlch\fcs1 \af31507 \ltrch\fcs0 \tscbandverteven List Table 5 Dark Accent 1;}{\*\ts259\tsrowd\tsbrdrt\brdrs\brdrw10\brdrcf22 \tsbrdrb
\brdrs\brdrw10\brdrcf22 \rtlch\fcs1 \af31507 \ltrch\fcs0 \tscbandhorzodd List Table 5 Dark Accent 1;}{\*\ts259\tsrowd\tsbrdrl\brdrnone \rtlch\fcs1 \af31507 \ltrch\fcs0 \tscnecell List Table 5 Dark Accent 1;}{\*\ts259\tsrowd\tsbrdrr\brdrnone \rtlch\fcs1 
\af31507 \ltrch\fcs0 \tscnwcell List Table 5 Dark Accent 1;}{\*\ts259\tsrowd\tsbrdrt\brdrnone \tsbrdrl\brdrnone \rtlch\fcs1 \af31507 \ltrch\fcs0 \tscsecell List Table 5 Dark Accent 1;}{\*\ts259\tsrowd\tsbrdrt\brdrnone \tsbrdrr\brdrnone \rtlch\fcs1 
\af31507 \ltrch\fcs0 \tscswcell List Table 5 Dark Accent 1;}{\*\ts260\tsrowd\trbrdrt\brdrs\brdrw60\brdrcf80 \trbrdrl\brdrs\brdrw60\brdrcf80 \trbrdrb\brdrs\brdrw60\brdrcf80 \trbrdrr\brdrs\brdrw60\brdrcf80 
\trftsWidthB3\trpaddl108\trpaddr108\trpaddfl3\trpaddft3\trpaddfb3\trpaddfr3\tscbandsh1\tscbandsv1\tblind0\tblindtype3\tsvertalt\tscellcbpat80\tsbrdrt\tsbrdrl\tsbrdrb\tsbrdrr\tsbrdrdgl\tsbrdrdgr\tsbrdrh\tsbrdrv 
\ql \li0\ri0\sb160\widctlpar\wrapdefault\aspalpha\aspnum\faauto\adjustright\rin0\lin0\itap0 \rtlch\fcs1 \af31507\afs22\alang1025 \ltrch\fcs0 \f31506\fs22\cf22\lang1033\langfe1033\cgrid\langnp1033\langfenp1033 
\sbasedon11 \snext260 \spriority50 \styrsid15940483 List Table 5 Dark Accent 2;}{\*\ts260\tsrowd\tsbrdrb\brdrs\brdrw45\brdrcf22 \rtlch\fcs1 \ab\af31507 \ltrch\fcs0 \b \tscfirstrow List Table 5 Dark Accent 2;}{\*\ts260\tsrowd\tsbrdrt
\brdrs\brdrw10\brdrcf22 \rtlch\fcs1 \ab\af31507 \ltrch\fcs0 \b \tsclastrow List Table 5 Dark Accent 2;}{\*\ts260\tsrowd\tsbrdrr\brdrs\brdrw10\brdrcf22 \rtlch\fcs1 \ab\af31507 \ltrch\fcs0 \b \tscfirstcol List Table 5 Dark Accent 2;}{\*\ts260\tsrowd\tsbrdrl
\brdrs\brdrw10\brdrcf22 \rtlch\fcs1 \ab\af31507 \ltrch\fcs0 \b \tsclastcol List Table 5 Dark Accent 2;}{\*\ts260\tsrowd\tsbrdrl\brdrs\brdrw10\brdrcf22 \tsbrdrr\brdrs\brdrw10\brdrcf22 \rtlch\fcs1 \af31507 \ltrch\fcs0 \tscbandvertodd 
List Table 5 Dark Accent 2;}{\*\ts260\tsrowd\tsbrdrl\brdrs\brdrw10\brdrcf22 \tsbrdrr\brdrs\brdrw10\brdrcf22 \rtlch\fcs1 \af31507 \ltrch\fcs0 \tscbandverteven List Table 5 Dark Accent 2;}{\*\ts260\tsrowd\tsbrdrt\brdrs\brdrw10\brdrcf22 \tsbrdrb
\brdrs\brdrw10\brdrcf22 \rtlch\fcs1 \af31507 \ltrch\fcs0 \tscbandhorzodd List Table 5 Dark Accent 2;}{\*\ts260\tsrowd\tsbrdrl\brdrnone \rtlch\fcs1 \af31507 \ltrch\fcs0 \tscnecell List Table 5 Dark Accent 2;}{\*\ts260\tsrowd\tsbrdrr\brdrnone \rtlch\fcs1 
\af31507 \ltrch\fcs0 \tscnwcell List Table 5 Dark Accent 2;}{\*\ts260\tsrowd\tsbrdrt\brdrnone \tsbrdrl\brdrnone \rtlch\fcs1 \af31507 \ltrch\fcs0 \tscsecell List Table 5 Dark Accent 2;}{\*\ts260\tsrowd\tsbrdrt\brdrnone \tsbrdrr\brdrnone \rtlch\fcs1 
\af31507 \ltrch\fcs0 \tscswcell List Table 5 Dark Accent 2;}{\*\ts261\tsrowd\trbrdrt\brdrs\brdrw60\brdrcf86 \trbrdrl\brdrs\brdrw60\brdrcf86 \trbrdrb\brdrs\brdrw60\brdrcf86 \trbrdrr\brdrs\brdrw60\brdrcf86 
\trftsWidthB3\trpaddl108\trpaddr108\trpaddfl3\trpaddft3\trpaddfb3\trpaddfr3\tscbandsh1\tscbandsv1\tblind0\tblindtype3\tsvertalt\tscellcbpat86\tsbrdrt\tsbrdrl\tsbrdrb\tsbrdrr\tsbrdrdgl\tsbrdrdgr\tsbrdrh\tsbrdrv 
\ql \li0\ri0\sb160\widctlpar\wrapdefault\aspalpha\aspnum\faauto\adjustright\rin0\lin0\itap0 \rtlch\fcs1 \af31507\afs22\alang1025 \ltrch\fcs0 \f31506\fs22\cf22\lang1033\langfe1033\cgrid\langnp1033\langfenp1033 
\sbasedon11 \snext261 \spriority50 \styrsid15940483 List Table 5 Dark Accent 3;}{\*\ts261\tsrowd\tsbrdrb\brdrs\brdrw45\brdrcf22 \rtlch\fcs1 \ab\af31507 \ltrch\fcs0 \b \tscfirstrow List Table 5 Dark Accent 3;}{\*\ts261\tsrowd\tsbrdrt
\brdrs\brdrw10\brdrcf22 \rtlch\fcs1 \ab\af31507 \ltrch\fcs0 \b \tsclastrow List Table 5 Dark Accent 3;}{\*\ts261\tsrowd\tsbrdrr\brdrs\brdrw10\brdrcf22 \rtlch\fcs1 \ab\af31507 \ltrch\fcs0 \b \tscfirstcol List Table 5 Dark Accent 3;}{\*\ts261\tsrowd\tsbrdrl
\brdrs\brdrw10\brdrcf22 \rtlch\fcs1 \ab\af31507 \ltrch\fcs0 \b \tsclastcol List Table 5 Dark Accent 3;}{\*\ts261\tsrowd\tsbrdrl\brdrs\brdrw10\brdrcf22 \tsbrdrr\brdrs\brdrw10\brdrcf22 \rtlch\fcs1 \af31507 \ltrch\fcs0 \tscbandvertodd 
List Table 5 Dark Accent 3;}{\*\ts261\tsrowd\tsbrdrl\brdrs\brdrw10\brdrcf22 \tsbrdrr\brdrs\brdrw10\brdrcf22 \rtlch\fcs1 \af31507 \ltrch\fcs0 \tscbandverteven List Table 5 Dark Accent 3;}{\*\ts261\tsrowd\tsbrdrt\brdrs\brdrw10\brdrcf22 \tsbrdrb
\brdrs\brdrw10\brdrcf22 \rtlch\fcs1 \af31507 \ltrch\fcs0 \tscbandhorzodd List Table 5 Dark Accent 3;}{\*\ts261\tsrowd\tsbrdrl\brdrnone \rtlch\fcs1 \af31507 \ltrch\fcs0 \tscnecell List Table 5 Dark Accent 3;}{\*\ts261\tsrowd\tsbrdrr\brdrnone \rtlch\fcs1 
\af31507 \ltrch\fcs0 \tscnwcell List Table 5 Dark Accent 3;}{\*\ts261\tsrowd\tsbrdrt\brdrnone \tsbrdrl\brdrnone \rtlch\fcs1 \af31507 \ltrch\fcs0 \tscsecell List Table 5 Dark Accent 3;}{\*\ts261\tsrowd\tsbrdrt\brdrnone \tsbrdrr\brdrnone \rtlch\fcs1 
\af31507 \ltrch\fcs0 \tscswcell List Table 5 Dark Accent 3;}{\*\ts262\tsrowd\trbrdrt\brdrs\brdrw60\brdrcf85 \trbrdrl\brdrs\brdrw60\brdrcf85 \trbrdrb\brdrs\brdrw60\brdrcf85 \trbrdrr\brdrs\brdrw60\brdrcf85 
\trftsWidthB3\trpaddl108\trpaddr108\trpaddfl3\trpaddft3\trpaddfb3\trpaddfr3\tscbandsh1\tscbandsv1\tblind0\tblindtype3\tsvertalt\tscellcbpat85\tsbrdrt\tsbrdrl\tsbrdrb\tsbrdrr\tsbrdrdgl\tsbrdrdgr\tsbrdrh\tsbrdrv 
\ql \li0\ri0\sb160\widctlpar\wrapdefault\aspalpha\aspnum\faauto\adjustright\rin0\lin0\itap0 \rtlch\fcs1 \af31507\afs22\alang1025 \ltrch\fcs0 \f31506\fs22\cf22\lang1033\langfe1033\cgrid\langnp1033\langfenp1033 
\sbasedon11 \snext262 \spriority50 \styrsid15940483 List Table 5 Dark Accent 4;}{\*\ts262\tsrowd\tsbrdrb\brdrs\brdrw45\brdrcf22 \rtlch\fcs1 \ab\af31507 \ltrch\fcs0 \b \tscfirstrow List Table 5 Dark Accent 4;}{\*\ts262\tsrowd\tsbrdrt
\brdrs\brdrw10\brdrcf22 \rtlch\fcs1 \ab\af31507 \ltrch\fcs0 \b \tsclastrow List Table 5 Dark Accent 4;}{\*\ts262\tsrowd\tsbrdrr\brdrs\brdrw10\brdrcf22 \rtlch\fcs1 \ab\af31507 \ltrch\fcs0 \b \tscfirstcol List Table 5 Dark Accent 4;}{\*\ts262\tsrowd\tsbrdrl
\brdrs\brdrw10\brdrcf22 \rtlch\fcs1 \ab\af31507 \ltrch\fcs0 \b \tsclastcol List Table 5 Dark Accent 4;}{\*\ts262\tsrowd\tsbrdrl\brdrs\brdrw10\brdrcf22 \tsbrdrr\brdrs\brdrw10\brdrcf22 \rtlch\fcs1 \af31507 \ltrch\fcs0 \tscbandvertodd 
List Table 5 Dark Accent 4;}{\*\ts262\tsrowd\tsbrdrl\brdrs\brdrw10\brdrcf22 \tsbrdrr\brdrs\brdrw10\brdrcf22 \rtlch\fcs1 \af31507 \ltrch\fcs0 \tscbandverteven List Table 5 Dark Accent 4;}{\*\ts262\tsrowd\tsbrdrt\brdrs\brdrw10\brdrcf22 \tsbrdrb
\brdrs\brdrw10\brdrcf22 \rtlch\fcs1 \af31507 \ltrch\fcs0 \tscbandhorzodd List Table 5 Dark Accent 4;}{\*\ts262\tsrowd\tsbrdrl\brdrnone \rtlch\fcs1 \af31507 \ltrch\fcs0 \tscnecell List Table 5 Dark Accent 4;}{\*\ts262\tsrowd\tsbrdrr\brdrnone \rtlch\fcs1 
\af31507 \ltrch\fcs0 \tscnwcell List Table 5 Dark Accent 4;}{\*\ts262\tsrowd\tsbrdrt\brdrnone \tsbrdrl\brdrnone \rtlch\fcs1 \af31507 \ltrch\fcs0 \tscsecell List Table 5 Dark Accent 4;}{\*\ts262\tsrowd\tsbrdrt\brdrnone \tsbrdrr\brdrnone \rtlch\fcs1 
\af31507 \ltrch\fcs0 \tscswcell List Table 5 Dark Accent 4;}{\*\ts263\tsrowd\trbrdrt\brdrs\brdrw60\brdrcf17 \trbrdrl\brdrs\brdrw60\brdrcf17 \trbrdrb\brdrs\brdrw60\brdrcf17 \trbrdrr\brdrs\brdrw60\brdrcf17 
\trftsWidthB3\trpaddl108\trpaddr108\trpaddfl3\trpaddft3\trpaddfb3\trpaddfr3\tscbandsh1\tscbandsv1\tblind0\tblindtype3\tsvertalt\tscellcbpat17\tsbrdrt\tsbrdrl\tsbrdrb\tsbrdrr\tsbrdrdgl\tsbrdrdgr\tsbrdrh\tsbrdrv 
\ql \li0\ri0\sb160\widctlpar\wrapdefault\aspalpha\aspnum\faauto\adjustright\rin0\lin0\itap0 \rtlch\fcs1 \af31507\afs22\alang1025 \ltrch\fcs0 \f31506\fs22\cf22\lang1033\langfe1033\cgrid\langnp1033\langfenp1033 
\sbasedon11 \snext263 \spriority50 \styrsid15940483 List Table 5 Dark Accent 5;}{\*\ts263\tsrowd\tsbrdrb\brdrs\brdrw45\brdrcf22 \rtlch\fcs1 \ab\af31507 \ltrch\fcs0 \b \tscfirstrow List Table 5 Dark Accent 5;}{\*\ts263\tsrowd\tsbrdrt
\brdrs\brdrw10\brdrcf22 \rtlch\fcs1 \ab\af31507 \ltrch\fcs0 \b \tsclastrow List Table 5 Dark Accent 5;}{\*\ts263\tsrowd\tsbrdrr\brdrs\brdrw10\brdrcf22 \rtlch\fcs1 \ab\af31507 \ltrch\fcs0 \b \tscfirstcol List Table 5 Dark Accent 5;}{\*\ts263\tsrowd\tsbrdrl
\brdrs\brdrw10\brdrcf22 \rtlch\fcs1 \ab\af31507 \ltrch\fcs0 \b \tsclastcol List Table 5 Dark Accent 5;}{\*\ts263\tsrowd\tsbrdrl\brdrs\brdrw10\brdrcf22 \tsbrdrr\brdrs\brdrw10\brdrcf22 \rtlch\fcs1 \af31507 \ltrch\fcs0 \tscbandvertodd 
List Table 5 Dark Accent 5;}{\*\ts263\tsrowd\tsbrdrl\brdrs\brdrw10\brdrcf22 \tsbrdrr\brdrs\brdrw10\brdrcf22 \rtlch\fcs1 \af31507 \ltrch\fcs0 \tscbandverteven List Table 5 Dark Accent 5;}{\*\ts263\tsrowd\tsbrdrt\brdrs\brdrw10\brdrcf22 \tsbrdrb
\brdrs\brdrw10\brdrcf22 \rtlch\fcs1 \af31507 \ltrch\fcs0 \tscbandhorzodd List Table 5 Dark Accent 5;}{\*\ts263\tsrowd\tsbrdrl\brdrnone \rtlch\fcs1 \af31507 \ltrch\fcs0 \tscnecell List Table 5 Dark Accent 5;}{\*\ts263\tsrowd\tsbrdrr\brdrnone \rtlch\fcs1 
\af31507 \ltrch\fcs0 \tscnwcell List Table 5 Dark Accent 5;}{\*\ts263\tsrowd\tsbrdrt\brdrnone \tsbrdrl\brdrnone \rtlch\fcs1 \af31507 \ltrch\fcs0 \tscsecell List Table 5 Dark Accent 5;}{\*\ts263\tsrowd\tsbrdrt\brdrnone \tsbrdrr\brdrnone \rtlch\fcs1 
\af31507 \ltrch\fcs0 \tscswcell List Table 5 Dark Accent 5;}{\*\ts264\tsrowd\trbrdrt\brdrs\brdrw60\brdrcf89 \trbrdrl\brdrs\brdrw60\brdrcf89 \trbrdrb\brdrs\brdrw60\brdrcf89 \trbrdrr\brdrs\brdrw60\brdrcf89 
\trftsWidthB3\trpaddl108\trpaddr108\trpaddfl3\trpaddft3\trpaddfb3\trpaddfr3\tscbandsh1\tscbandsv1\tblind0\tblindtype3\tsvertalt\tscellcbpat89\tsbrdrt\tsbrdrl\tsbrdrb\tsbrdrr\tsbrdrdgl\tsbrdrdgr\tsbrdrh\tsbrdrv 
\ql \li0\ri0\sb160\widctlpar\wrapdefault\aspalpha\aspnum\faauto\adjustright\rin0\lin0\itap0 \rtlch\fcs1 \af31507\afs22\alang1025 \ltrch\fcs0 \f31506\fs22\cf22\lang1033\langfe1033\cgrid\langnp1033\langfenp1033 
\sbasedon11 \snext264 \spriority50 \styrsid15940483 List Table 5 Dark Accent 6;}{\*\ts264\tsrowd\tsbrdrb\brdrs\brdrw45\brdrcf22 \rtlch\fcs1 \ab\af31507 \ltrch\fcs0 \b \tscfirstrow List Table 5 Dark Accent 6;}{\*\ts264\tsrowd\tsbrdrt
\brdrs\brdrw10\brdrcf22 \rtlch\fcs1 \ab\af31507 \ltrch\fcs0 \b \tsclastrow List Table 5 Dark Accent 6;}{\*\ts264\tsrowd\tsbrdrr\brdrs\brdrw10\brdrcf22 \rtlch\fcs1 \ab\af31507 \ltrch\fcs0 \b \tscfirstcol List Table 5 Dark Accent 6;}{\*\ts264\tsrowd\tsbrdrl
\brdrs\brdrw10\brdrcf22 \rtlch\fcs1 \ab\af31507 \ltrch\fcs0 \b \tsclastcol List Table 5 Dark Accent 6;}{\*\ts264\tsrowd\tsbrdrl\brdrs\brdrw10\brdrcf22 \tsbrdrr\brdrs\brdrw10\brdrcf22 \rtlch\fcs1 \af31507 \ltrch\fcs0 \tscbandvertodd 
List Table 5 Dark Accent 6;}{\*\ts264\tsrowd\tsbrdrl\brdrs\brdrw10\brdrcf22 \tsbrdrr\brdrs\brdrw10\brdrcf22 \rtlch\fcs1 \af31507 \ltrch\fcs0 \tscbandverteven List Table 5 Dark Accent 6;}{\*\ts264\tsrowd\tsbrdrt\brdrs\brdrw10\brdrcf22 \tsbrdrb
\brdrs\brdrw10\brdrcf22 \rtlch\fcs1 \af31507 \ltrch\fcs0 \tscbandhorzodd List Table 5 Dark Accent 6;}{\*\ts264\tsrowd\tsbrdrl\brdrnone \rtlch\fcs1 \af31507 \ltrch\fcs0 \tscnecell List Table 5 Dark Accent 6;}{\*\ts264\tsrowd\tsbrdrr\brdrnone \rtlch\fcs1 
\af31507 \ltrch\fcs0 \tscnwcell List Table 5 Dark Accent 6;}{\*\ts264\tsrowd\tsbrdrt\brdrnone \tsbrdrl\brdrnone \rtlch\fcs1 \af31507 \ltrch\fcs0 \tscsecell List Table 5 Dark Accent 6;}{\*\ts264\tsrowd\tsbrdrt\brdrnone \tsbrdrr\brdrnone \rtlch\fcs1 
\af31507 \ltrch\fcs0 \tscswcell List Table 5 Dark Accent 6;}{\*\ts265\tsrowd\trbrdrt\brdrs\brdrw10\brdrcf32 \trbrdrb\brdrs\brdrw10\brdrcf32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2\lang1033\langfe1033\cgrid\langnp1033\langfenp1033 
\sbasedon11 \snext265 \spriority51 \styrsid15940483 List Table 6 Colorful;}{\*\ts265\tsrowd\tsbrdrb\brdrs\brdrw10\brdrcf32 \rtlch\fcs1 \ab\af31507 \ltrch\fcs0 \b \tscfirstrow List Table 6 Colorful;}{\*\ts265\tsrowd\tsbrdrt\brdrdb\brdrw10\brdrcf32 
\rtlch\fcs1 \ab\af31507 \ltrch\fcs0 \b \tsclastrow List Table 6 Colorful;}{\*\ts265\tsrowd \rtlch\fcs1 \ab\af31507 \ltrch\fcs0 \b \tscfirstcol List Table 6 Colorful;}{\*\ts265\tsrowd \rtlch\fcs1 \ab\af31507 \ltrch\fcs0 \b \tsclastcol 
List Table 6 Colorful;}{\*\ts265\tsrowd\tscellcfpat0\tscellcbpat31\tscellpct0 \rtlch\fcs1 \af31507 \ltrch\fcs0 \tscbandvertodd List Table 6 Colorful;}{\*\ts265\tsrowd\tscellcfpat0\tscellcbpat31\tscellpct0 \rtlch\fcs1 \af31507 \ltrch\fcs0 \tscbandhorzodd 
List Table 6 Colorful;}{\*\ts266\tsrowd\trbrdrt\brdrs\brdrw10\brdrcf82 \trbrdrb\brdrs\brdrw10\brdrcf82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2\lang1033\langfe1033\cgrid\langnp1033\langfenp1033 
\sbasedon11 \snext266 \spriority51 \styrsid15940483 List Table 6 Colorful Accent 1;}{\*\ts266\tsrowd\tsbrdrb\brdrs\brdrw10\brdrcf82 \rtlch\fcs1 \ab\af31507 \ltrch\fcs0 \b \tscfirstrow List Table 6 Colorful Accent 1;}{\*\ts266\tsrowd\tsbrdrt
\brdrdb\brdrw10\brdrcf82 \rtlch\fcs1 \ab\af31507 \ltrch\fcs0 \b \tsclastrow List Table 6 Colorful Accent 1;}{\*\ts266\tsrowd \rtlch\fcs1 \ab\af31507 \ltrch\fcs0 \b \tscfirstcol List Table 6 Colorful Accent 1;}{\*\ts266\tsrowd \rtlch\fcs1 \ab\af31507 
\ltrch\fcs0 \b \tsclastcol List Table 6 Colorful Accent 1;}{\*\ts266\tsrowd\tscellcfpat0\tscellcbpat41\tscellpct0 \rtlch\fcs1 \af31507 \ltrch\fcs0 \tscbandvertodd List Table 6 Colorful Accent 1;}{\*\ts266\tsrowd\tscellcfpat0\tscellcbpat41\tscellpct0 
\rtlch\fcs1 \af31507 \ltrch\fcs0 \tscbandhorzodd List Table 6 Colorful Accent 1;}{\*\ts267\tsrowd\trbrdrt\brdrs\brdrw10\brdrcf80 \trbrdrb\brdrs\brdrw10\brdrcf8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6\lang1033\langfe1033\cgrid\langnp1033\langfenp1033 
\sbasedon11 \snext267 \spriority51 \styrsid15940483 List Table 6 Colorful Accent 2;}{\*\ts267\tsrowd\tsbrdrb\brdrs\brdrw10\brdrcf80 \rtlch\fcs1 \ab\af31507 \ltrch\fcs0 \b \tscfirstrow List Table 6 Colorful Accent 2;}{\*\ts267\tsrowd\tsbrdrt
\brdrdb\brdrw10\brdrcf80 \rtlch\fcs1 \ab\af31507 \ltrch\fcs0 \b \tsclastrow List Table 6 Colorful Accent 2;}{\*\ts267\tsrowd \rtlch\fcs1 \ab\af31507 \ltrch\fcs0 \b \tscfirstcol List Table 6 Colorful Accent 2;}{\*\ts267\tsrowd \rtlch\fcs1 \ab\af31507 
\ltrch\fcs0 \b \tsclastcol List Table 6 Colorful Accent 2;}{\*\ts267\tsrowd\tscellcfpat0\tscellcbpat44\tscellpct0 \rtlch\fcs1 \af31507 \ltrch\fcs0 \tscbandvertodd List Table 6 Colorful Accent 2;}{\*\ts267\tsrowd\tscellcfpat0\tscellcbpat44\tscellpct0 
\rtlch\fcs1 \af31507 \ltrch\fcs0 \tscbandhorzodd List Table 6 Colorful Accent 2;}{\*\ts268\tsrowd\trbrdrt\brdrs\brdrw10\brdrcf86 \trbrdrb\brdrs\brdrw10\brdrcf8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9\lang1033\langfe1033\cgrid\langnp1033\langfenp1033 
\sbasedon11 \snext268 \spriority51 \styrsid15940483 List Table 6 Colorful Accent 3;}{\*\ts268\tsrowd\tsbrdrb\brdrs\brdrw10\brdrcf86 \rtlch\fcs1 \ab\af31507 \ltrch\fcs0 \b \tscfirstrow List Table 6 Colorful Accent 3;}{\*\ts268\tsrowd\tsbrdrt
\brdrdb\brdrw10\brdrcf86 \rtlch\fcs1 \ab\af31507 \ltrch\fcs0 \b \tsclastrow List Table 6 Colorful Accent 3;}{\*\ts268\tsrowd \rtlch\fcs1 \ab\af31507 \ltrch\fcs0 \b \tscfirstcol List Table 6 Colorful Accent 3;}{\*\ts268\tsrowd \rtlch\fcs1 \ab\af31507 
\ltrch\fcs0 \b \tsclastcol List Table 6 Colorful Accent 3;}{\*\ts268\tsrowd\tscellcfpat0\tscellcbpat47\tscellpct0 \rtlch\fcs1 \af31507 \ltrch\fcs0 \tscbandvertodd List Table 6 Colorful Accent 3;}{\*\ts268\tsrowd\tscellcfpat0\tscellcbpat47\tscellpct0 
\rtlch\fcs1 \af31507 \ltrch\fcs0 \tscbandhorzodd List Table 6 Colorful Accent 3;}{\*\ts269\tsrowd\trbrdrt\brdrs\brdrw10\brdrcf85 \trbrdrb\brdrs\brdrw10\brdrcf8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3\lang1033\langfe1033\cgrid\langnp1033\langfenp1033 
\sbasedon11 \snext269 \spriority51 \styrsid15940483 List Table 6 Colorful Accent 4;}{\*\ts269\tsrowd\tsbrdrb\brdrs\brdrw10\brdrcf85 \rtlch\fcs1 \ab\af31507 \ltrch\fcs0 \b \tscfirstrow List Table 6 Colorful Accent 4;}{\*\ts269\tsrowd\tsbrdrt
\brdrdb\brdrw10\brdrcf85 \rtlch\fcs1 \ab\af31507 \ltrch\fcs0 \b \tsclastrow List Table 6 Colorful Accent 4;}{\*\ts269\tsrowd \rtlch\fcs1 \ab\af31507 \ltrch\fcs0 \b \tscfirstcol List Table 6 Colorful Accent 4;}{\*\ts269\tsrowd \rtlch\fcs1 \ab\af31507 
\ltrch\fcs0 \b \tsclastcol List Table 6 Colorful Accent 4;}{\*\ts269\tsrowd\tscellcfpat0\tscellcbpat51\tscellpct0 \rtlch\fcs1 \af31507 \ltrch\fcs0 \tscbandvertodd List Table 6 Colorful Accent 4;}{\*\ts269\tsrowd\tscellcfpat0\tscellcbpat51\tscellpct0 
\rtlch\fcs1 \af31507 \ltrch\fcs0 \tscbandhorzodd List Table 6 Colorful Accent 4;}{\*\ts270\tsrowd\trbrdrt\brdrs\brdrw10\brdrcf17 \trbrdrb\brdrs\brdrw10\brdrcf17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6\lang1033\langfe1033\cgrid\langnp1033\langfenp1033 
\sbasedon11 \snext270 \spriority51 \styrsid15940483 List Table 6 Colorful Accent 5;}{\*\ts270\tsrowd\tsbrdrb\brdrs\brdrw10\brdrcf17 \rtlch\fcs1 \ab\af31507 \ltrch\fcs0 \b \tscfirstrow List Table 6 Colorful Accent 5;}{\*\ts270\tsrowd\tsbrdrt
\brdrdb\brdrw10\brdrcf17 \rtlch\fcs1 \ab\af31507 \ltrch\fcs0 \b \tsclastrow List Table 6 Colorful Accent 5;}{\*\ts270\tsrowd \rtlch\fcs1 \ab\af31507 \ltrch\fcs0 \b \tscfirstcol List Table 6 Colorful Accent 5;}{\*\ts270\tsrowd \rtlch\fcs1 \ab\af31507 
\ltrch\fcs0 \b \tsclastcol List Table 6 Colorful Accent 5;}{\*\ts270\tsrowd\tscellcfpat0\tscellcbpat28\tscellpct0 \rtlch\fcs1 \af31507 \ltrch\fcs0 \tscbandvertodd List Table 6 Colorful Accent 5;}{\*\ts270\tsrowd\tscellcfpat0\tscellcbpat28\tscellpct0 
\rtlch\fcs1 \af31507 \ltrch\fcs0 \tscbandhorzodd List Table 6 Colorful Accent 5;}{\*\ts271\tsrowd\trbrdrt\brdrs\brdrw10\brdrcf89 \trbrdrb\brdrs\brdrw10\brdrcf8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9\lang1033\langfe1033\cgrid\langnp1033\langfenp1033 
\sbasedon11 \snext271 \spriority51 \styrsid15940483 List Table 6 Colorful Accent 6;}{\*\ts271\tsrowd\tsbrdrb\brdrs\brdrw10\brdrcf89 \rtlch\fcs1 \ab\af31507 \ltrch\fcs0 \b \tscfirstrow List Table 6 Colorful Accent 6;}{\*\ts271\tsrowd\tsbrdrt
\brdrdb\brdrw10\brdrcf89 \rtlch\fcs1 \ab\af31507 \ltrch\fcs0 \b \tsclastrow List Table 6 Colorful Accent 6;}{\*\ts271\tsrowd \rtlch\fcs1 \ab\af31507 \ltrch\fcs0 \b \tscfirstcol List Table 6 Colorful Accent 6;}{\*\ts271\tsrowd \rtlch\fcs1 \ab\af31507 
\ltrch\fcs0 \b \tsclastcol List Table 6 Colorful Accent 6;}{\*\ts271\tsrowd\tscellcfpat0\tscellcbpat58\tscellpct0 \rtlch\fcs1 \af31507 \ltrch\fcs0 \tscbandvertodd List Table 6 Colorful Accent 6;}{\*\ts271\tsrowd\tscellcfpat0\tscellcbpat58\tscellpct0 
\rtlch\fcs1 \af31507 \ltrch\fcs0 \tscbandhorzodd List Table 6 Colorful Accent 6;}{\*
\ts272\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2\lang1033\langfe1033\cgrid\langnp1033\langfenp1033 
\sbasedon11 \snext272 \spriority52 \styrsid15940483 List Table 7 Colorful;}{\*\ts272\tsrowd\tscellcfpat0\tscellcbpat22\tscellpct0\tsbrdrb\brdrs\brdrw10\brdrcf32 \rtlch\fcs1 \ai\af31503 \ltrch\fcs0 \i\fs26\loch\f31502\hich\af31502\dbch\af31501 
\tscfirstrow List Table 7 Colorful;}{\*\ts272\tsrowd\tscellcfpat0\tscellcbpat22\tscellpct0\tsbrdrt\brdrs\brdrw10\brdrcf32 \rtlch\fcs1 \ai\af31503 \ltrch\fcs0 \i\fs26\loch\f31502\hich\af31502\dbch\af31501 \tsclastrow List Table 7 Colorful;}{\*
\ts272\tsrowd\tscellcfpat0\tscellcbpat22\tscellpct0\tsbrdrr\brdrs\brdrw10\brdrcf32 \qr \rtlch\fcs1 \ai\af31503 \ltrch\fcs0 \i\fs26\loch\f31502\hich\af31502\dbch\af31501 \tscfirstcol List Table 7 Colorful;}{\*
\ts272\tsrowd\tscellcfpat0\tscellcbpat22\tscellpct0\tsbrdrl\brdrs\brdrw10\brdrcf32 \rtlch\fcs1 \ai\af31503 \ltrch\fcs0 \i\fs26\loch\f31502\hich\af31502\dbch\af31501 \tsclastcol List Table 7 Colorful;}{\*\ts272\tsrowd\tscellcfpat0\tscellcbpat31\tscellpct0 
\rtlch\fcs1 \af31507 \ltrch\fcs0 \tscbandvertodd List Table 7 Colorful;}{\*\ts272\tsrowd\tscellcfpat0\tscellcbpat31\tscellpct0 \rtlch\fcs1 \af31507 \ltrch\fcs0 \tscbandhorzodd List Table 7 Colorful;}{\*\ts272\tsrowd\tsbrdrl\brdrnone \rtlch\fcs1 \af31507 
\ltrch\fcs0 \tscnecell List Table 7 Colorful;}{\*\ts272\tsrowd\tsbrdrr\brdrnone \rtlch\fcs1 \af31507 \ltrch\fcs0 \tscnwcell List Table 7 Colorful;}{\*\ts272\tsrowd\tsbrdrl\brdrnone \rtlch\fcs1 \af31507 \ltrch\fcs0 \tscsecell List Table 7 Colorful;}{\*
\ts272\tsrowd\tsbrdrr\brdrnone \rtlch\fcs1 \af31507 \ltrch\fcs0 \tscswcell List Table 7 Colorful;}{\*
\ts273\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2\lang1033\langfe1033\cgrid\langnp1033\langfenp1033 
\sbasedon11 \snext273 \spriority52 \styrsid15940483 List Table 7 Colorful Accent 1;}{\*\ts273\tsrowd\tscellcfpat0\tscellcbpat22\tscellpct0\tsbrdrb\brdrs\brdrw10\brdrcf82 \rtlch\fcs1 \ai\af31503 \ltrch\fcs0 \i\fs26\loch\f31502\hich\af31502\dbch\af31501 
\tscfirstrow List Table 7 Colorful Accent 1;}{\*\ts273\tsrowd\tscellcfpat0\tscellcbpat22\tscellpct0\tsbrdrt\brdrs\brdrw10\brdrcf82 \rtlch\fcs1 \ai\af31503 \ltrch\fcs0 \i\fs26\loch\f31502\hich\af31502\dbch\af31501 \tsclastrow 
List Table 7 Colorful Accent 1;}{\*\ts273\tsrowd\tscellcfpat0\tscellcbpat22\tscellpct0\tsbrdrr\brdrs\brdrw10\brdrcf82 \qr \rtlch\fcs1 \ai\af31503 \ltrch\fcs0 \i\fs26\loch\f31502\hich\af31502\dbch\af31501 \tscfirstcol List Table 7 Colorful Accent 1;}{\*
\ts273\tsrowd\tscellcfpat0\tscellcbpat22\tscellpct0\tsbrdrl\brdrs\brdrw10\brdrcf82 \rtlch\fcs1 \ai\af31503 \ltrch\fcs0 \i\fs26\loch\f31502\hich\af31502\dbch\af31501 \tsclastcol List Table 7 Colorful Accent 1;}{\*
\ts273\tsrowd\tscellcfpat0\tscellcbpat41\tscellpct0 \rtlch\fcs1 \af31507 \ltrch\fcs0 \tscbandvertodd List Table 7 Colorful Accent 1;}{\*\ts273\tsrowd\tscellcfpat0\tscellcbpat41\tscellpct0 \rtlch\fcs1 \af31507 \ltrch\fcs0 \tscbandhorzodd 
List Table 7 Colorful Accent 1;}{\*\ts273\tsrowd\tsbrdrl\brdrnone \rtlch\fcs1 \af31507 \ltrch\fcs0 \tscnecell List Table 7 Colorful Accent 1;}{\*\ts273\tsrowd\tsbrdrr\brdrnone \rtlch\fcs1 \af31507 \ltrch\fcs0 \tscnwcell List Table 7 Colorful Accent 1;}{\*
\ts273\tsrowd\tsbrdrl\brdrnone \rtlch\fcs1 \af31507 \ltrch\fcs0 \tscsecell List Table 7 Colorful Accent 1;}{\*\ts273\tsrowd\tsbrdrr\brdrnone \rtlch\fcs1 \af31507 \ltrch\fcs0 \tscswcell List Table 7 Colorful Accent 1;}{\*
\ts274\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6\lang1033\langfe1033\cgrid\langnp1033\langfenp1033 
\sbasedon11 \snext274 \spriority52 \styrsid15940483 List Table 7 Colorful Accent 2;}{\*\ts274\tsrowd\tscellcfpat0\tscellcbpat22\tscellpct0\tsbrdrb\brdrs\brdrw10\brdrcf80 \rtlch\fcs1 \ai\af31503 \ltrch\fcs0 \i\fs26\loch\f31502\hich\af31502\dbch\af31501 
\tscfirstrow List Table 7 Colorful Accent 2;}{\*\ts274\tsrowd\tscellcfpat0\tscellcbpat22\tscellpct0\tsbrdrt\brdrs\brdrw10\brdrcf80 \rtlch\fcs1 \ai\af31503 \ltrch\fcs0 \i\fs26\loch\f31502\hich\af31502\dbch\af31501 \tsclastrow 
List Table 7 Colorful Accent 2;}{\*\ts274\tsrowd\tscellcfpat0\tscellcbpat22\tscellpct0\tsbrdrr\brdrs\brdrw10\brdrcf80 \qr \rtlch\fcs1 \ai\af31503 \ltrch\fcs0 \i\fs26\loch\f31502\hich\af31502\dbch\af31501 \tscfirstcol List Table 7 Colorful Accent 2;}{\*
\ts274\tsrowd\tscellcfpat0\tscellcbpat22\tscellpct0\tsbrdrl\brdrs\brdrw10\brdrcf80 \rtlch\fcs1 \ai\af31503 \ltrch\fcs0 \i\fs26\loch\f31502\hich\af31502\dbch\af31501 \tsclastcol List Table 7 Colorful Accent 2;}{\*
\ts274\tsrowd\tscellcfpat0\tscellcbpat44\tscellpct0 \rtlch\fcs1 \af31507 \ltrch\fcs0 \tscbandvertodd List Table 7 Colorful Accent 2;}{\*\ts274\tsrowd\tscellcfpat0\tscellcbpat44\tscellpct0 \rtlch\fcs1 \af31507 \ltrch\fcs0 \tscbandhorzodd 
List Table 7 Colorful Accent 2;}{\*\ts274\tsrowd\tsbrdrl\brdrnone \rtlch\fcs1 \af31507 \ltrch\fcs0 \tscnecell List Table 7 Colorful Accent 2;}{\*\ts274\tsrowd\tsbrdrr\brdrnone \rtlch\fcs1 \af31507 \ltrch\fcs0 \tscnwcell List Table 7 Colorful Accent 2;}{\*
\ts274\tsrowd\tsbrdrl\brdrnone \rtlch\fcs1 \af31507 \ltrch\fcs0 \tscsecell List Table 7 Colorful Accent 2;}{\*\ts274\tsrowd\tsbrdrr\brdrnone \rtlch\fcs1 \af31507 \ltrch\fcs0 \tscswcell List Table 7 Colorful Accent 2;}{\*
\ts275\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9\lang1033\langfe1033\cgrid\langnp1033\langfenp1033 
\sbasedon11 \snext275 \spriority52 \styrsid15940483 List Table 7 Colorful Accent 3;}{\*\ts275\tsrowd\tscellcfpat0\tscellcbpat22\tscellpct0\tsbrdrb\brdrs\brdrw10\brdrcf86 \rtlch\fcs1 \ai\af31503 \ltrch\fcs0 \i\fs26\loch\f31502\hich\af31502\dbch\af31501 
\tscfirstrow List Table 7 Colorful Accent 3;}{\*\ts275\tsrowd\tscellcfpat0\tscellcbpat22\tscellpct0\tsbrdrt\brdrs\brdrw10\brdrcf86 \rtlch\fcs1 \ai\af31503 \ltrch\fcs0 \i\fs26\loch\f31502\hich\af31502\dbch\af31501 \tsclastrow 
List Table 7 Colorful Accent 3;}{\*\ts275\tsrowd\tscellcfpat0\tscellcbpat22\tscellpct0\tsbrdrr\brdrs\brdrw10\brdrcf86 \qr \rtlch\fcs1 \ai\af31503 \ltrch\fcs0 \i\fs26\loch\f31502\hich\af31502\dbch\af31501 \tscfirstcol List Table 7 Colorful Accent 3;}{\*
\ts275\tsrowd\tscellcfpat0\tscellcbpat22\tscellpct0\tsbrdrl\brdrs\brdrw10\brdrcf86 \rtlch\fcs1 \ai\af31503 \ltrch\fcs0 \i\fs26\loch\f31502\hich\af31502\dbch\af31501 \tsclastcol List Table 7 Colorful Accent 3;}{\*
\ts275\tsrowd\tscellcfpat0\tscellcbpat47\tscellpct0 \rtlch\fcs1 \af31507 \ltrch\fcs0 \tscbandvertodd List Table 7 Colorful Accent 3;}{\*\ts275\tsrowd\tscellcfpat0\tscellcbpat47\tscellpct0 \rtlch\fcs1 \af31507 \ltrch\fcs0 \tscbandhorzodd 
List Table 7 Colorful Accent 3;}{\*\ts275\tsrowd\tsbrdrl\brdrnone \rtlch\fcs1 \af31507 \ltrch\fcs0 \tscnecell List Table 7 Colorful Accent 3;}{\*\ts275\tsrowd\tsbrdrr\brdrnone \rtlch\fcs1 \af31507 \ltrch\fcs0 \tscnwcell List Table 7 Colorful Accent 3;}{\*
\ts275\tsrowd\tsbrdrl\brdrnone \rtlch\fcs1 \af31507 \ltrch\fcs0 \tscsecell List Table 7 Colorful Accent 3;}{\*\ts275\tsrowd\tsbrdrr\brdrnone \rtlch\fcs1 \af31507 \ltrch\fcs0 \tscswcell List Table 7 Colorful Accent 3;}{\*
\ts276\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3\lang1033\langfe1033\cgrid\langnp1033\langfenp1033 
\sbasedon11 \snext276 \spriority52 \styrsid15940483 List Table 7 Colorful Accent 4;}{\*\ts276\tsrowd\tscellcfpat0\tscellcbpat22\tscellpct0\tsbrdrb\brdrs\brdrw10\brdrcf85 \rtlch\fcs1 \ai\af31503 \ltrch\fcs0 \i\fs26\loch\f31502\hich\af31502\dbch\af31501 
\tscfirstrow List Table 7 Colorful Accent 4;}{\*\ts276\tsrowd\tscellcfpat0\tscellcbpat22\tscellpct0\tsbrdrt\brdrs\brdrw10\brdrcf85 \rtlch\fcs1 \ai\af31503 \ltrch\fcs0 \i\fs26\loch\f31502\hich\af31502\dbch\af31501 \tsclastrow 
List Table 7 Colorful Accent 4;}{\*\ts276\tsrowd\tscellcfpat0\tscellcbpat22\tscellpct0\tsbrdrr\brdrs\brdrw10\brdrcf85 \qr \rtlch\fcs1 \ai\af31503 \ltrch\fcs0 \i\fs26\loch\f31502\hich\af31502\dbch\af31501 \tscfirstcol List Table 7 Colorful Accent 4;}{\*
\ts276\tsrowd\tscellcfpat0\tscellcbpat22\tscellpct0\tsbrdrl\brdrs\brdrw10\brdrcf85 \rtlch\fcs1 \ai\af31503 \ltrch\fcs0 \i\fs26\loch\f31502\hich\af31502\dbch\af31501 \tsclastcol List Table 7 Colorful Accent 4;}{\*
\ts276\tsrowd\tscellcfpat0\tscellcbpat51\tscellpct0 \rtlch\fcs1 \af31507 \ltrch\fcs0 \tscbandvertodd List Table 7 Colorful Accent 4;}{\*\ts276\tsrowd\tscellcfpat0\tscellcbpat51\tscellpct0 \rtlch\fcs1 \af31507 \ltrch\fcs0 \tscbandhorzodd 
List Table 7 Colorful Accent 4;}{\*\ts276\tsrowd\tsbrdrl\brdrnone \rtlch\fcs1 \af31507 \ltrch\fcs0 \tscnecell List Table 7 Colorful Accent 4;}{\*\ts276\tsrowd\tsbrdrr\brdrnone \rtlch\fcs1 \af31507 \ltrch\fcs0 \tscnwcell List Table 7 Colorful Accent 4;}{\*
\ts276\tsrowd\tsbrdrl\brdrnone \rtlch\fcs1 \af31507 \ltrch\fcs0 \tscsecell List Table 7 Colorful Accent 4;}{\*\ts276\tsrowd\tsbrdrr\brdrnone \rtlch\fcs1 \af31507 \ltrch\fcs0 \tscswcell List Table 7 Colorful Accent 4;}{\*
\ts277\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6\lang1033\langfe1033\cgrid\langnp1033\langfenp1033 
\sbasedon11 \snext277 \spriority52 \styrsid15940483 List Table 7 Colorful Accent 5;}{\*\ts277\tsrowd\tscellcfpat0\tscellcbpat22\tscellpct0\tsbrdrb\brdrs\brdrw10\brdrcf17 \rtlch\fcs1 \ai\af31503 \ltrch\fcs0 \i\fs26\loch\f31502\hich\af31502\dbch\af31501 
\tscfirstrow List Table 7 Colorful Accent 5;}{\*\ts277\tsrowd\tscellcfpat0\tscellcbpat22\tscellpct0\tsbrdrt\brdrs\brdrw10\brdrcf17 \rtlch\fcs1 \ai\af31503 \ltrch\fcs0 \i\fs26\loch\f31502\hich\af31502\dbch\af31501 \tsclastrow 
List Table 7 Colorful Accent 5;}{\*\ts277\tsrowd\tscellcfpat0\tscellcbpat22\tscellpct0\tsbrdrr\brdrs\brdrw10\brdrcf17 \qr \rtlch\fcs1 \ai\af31503 \ltrch\fcs0 \i\fs26\loch\f31502\hich\af31502\dbch\af31501 \tscfirstcol List Table 7 Colorful Accent 5;}{\*
\ts277\tsrowd\tscellcfpat0\tscellcbpat22\tscellpct0\tsbrdrl\brdrs\brdrw10\brdrcf17 \rtlch\fcs1 \ai\af31503 \ltrch\fcs0 \i\fs26\loch\f31502\hich\af31502\dbch\af31501 \tsclastcol List Table 7 Colorful Accent 5;}{\*
\ts277\tsrowd\tscellcfpat0\tscellcbpat28\tscellpct0 \rtlch\fcs1 \af31507 \ltrch\fcs0 \tscbandvertodd List Table 7 Colorful Accent 5;}{\*\ts277\tsrowd\tscellcfpat0\tscellcbpat28\tscellpct0 \rtlch\fcs1 \af31507 \ltrch\fcs0 \tscbandhorzodd 
List Table 7 Colorful Accent 5;}{\*\ts277\tsrowd\tsbrdrl\brdrnone \rtlch\fcs1 \af31507 \ltrch\fcs0 \tscnecell List Table 7 Colorful Accent 5;}{\*\ts277\tsrowd\tsbrdrr\brdrnone \rtlch\fcs1 \af31507 \ltrch\fcs0 \tscnwcell List Table 7 Colorful Accent 5;}{\*
\ts277\tsrowd\tsbrdrl\brdrnone \rtlch\fcs1 \af31507 \ltrch\fcs0 \tscsecell List Table 7 Colorful Accent 5;}{\*\ts277\tsrowd\tsbrdrr\brdrnone \rtlch\fcs1 \af31507 \ltrch\fcs0 \tscswcell List Table 7 Colorful Accent 5;}{\*
\ts278\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9\lang1033\langfe1033\cgrid\langnp1033\langfenp1033 
\sbasedon11 \snext278 \spriority52 \styrsid15940483 List Table 7 Colorful Accent 6;}{\*\ts278\tsrowd\tscellcfpat0\tscellcbpat22\tscellpct0\tsbrdrb\brdrs\brdrw10\brdrcf89 \rtlch\fcs1 \ai\af31503 \ltrch\fcs0 \i\fs26\loch\f31502\hich\af31502\dbch\af31501 
\tscfirstrow List Table 7 Colorful Accent 6;}{\*\ts278\tsrowd\tscellcfpat0\tscellcbpat22\tscellpct0\tsbrdrt\brdrs\brdrw10\brdrcf89 \rtlch\fcs1 \ai\af31503 \ltrch\fcs0 \i\fs26\loch\f31502\hich\af31502\dbch\af31501 \tsclastrow 
List Table 7 Colorful Accent 6;}{\*\ts278\tsrowd\tscellcfpat0\tscellcbpat22\tscellpct0\tsbrdrr\brdrs\brdrw10\brdrcf89 \qr \rtlch\fcs1 \ai\af31503 \ltrch\fcs0 \i\fs26\loch\f31502\hich\af31502\dbch\af31501 \tscfirstcol List Table 7 Colorful Accent 6;}{\*
\ts278\tsrowd\tscellcfpat0\tscellcbpat22\tscellpct0\tsbrdrl\brdrs\brdrw10\brdrcf89 \rtlch\fcs1 \ai\af31503 \ltrch\fcs0 \i\fs26\loch\f31502\hich\af31502\dbch\af31501 \tsclastcol List Table 7 Colorful Accent 6;}{\*
\ts278\tsrowd\tscellcfpat0\tscellcbpat58\tscellpct0 \rtlch\fcs1 \af31507 \ltrch\fcs0 \tscbandvertodd List Table 7 Colorful Accent 6;}{\*\ts278\tsrowd\tscellcfpat0\tscellcbpat58\tscellpct0 \rtlch\fcs1 \af31507 \ltrch\fcs0 \tscbandhorzodd 
List Table 7 Colorful Accent 6;}{\*\ts278\tsrowd\tsbrdrl\brdrnone \rtlch\fcs1 \af31507 \ltrch\fcs0 \tscnecell List Table 7 Colorful Accent 6;}{\*\ts278\tsrowd\tsbrdrr\brdrnone \rtlch\fcs1 \af31507 \ltrch\fcs0 \tscnwcell List Table 7 Colorful Accent 6;}{\*
\ts278\tsrowd\tsbrdrl\brdrnone \rtlch\fcs1 \af31507 \ltrch\fcs0 \tscsecell List Table 7 Colorful Accent 6;}{\*\ts278\tsrowd\tsbrdrr\brdrnone \rtlch\fcs1 \af31507 \ltrch\fcs0 \tscswcell List Table 7 Colorful Accent 6;}{\s279\ql \li0\ri0\sb160\sl259\slmult1
\widctlpar\tx480\tx960\tx1440\tx1920\tx2400\tx2880\tx3360\tx3840\tx4320\wrapdefault\aspalpha\aspnum\faauto\adjustright\rin0\lin0\itap0 \rtlch\fcs1 \af31507\afs20\alang1025 \ltrch\fcs0 \f42\fs22\lang1033\langfe1033\cgrid\langnp1033\langfenp1033 
\snext279 \slink280 \ssemihidden \sunhideused \styrsid15940483 macro;}{\*\cs280 \additive \rtlch\fcs1 \af0\afs20 \ltrch\fcs0 \f42\fs20 \sbasedon10 \slink279 \slocked \ssemihidden \styrsid15940483 Macro Text Char;}{\*\ts281\tsrowd\trbrdrt
\brdrs\brdrw20\brdrcf23 \trbrdrl\brdrs\brdrw20\brdrcf23 \trbrdrb\brdrs\brdrw20\brdrcf23 \trbrdrr\brdrs\brdrw20\brdrcf23 \trbrdrh\brdrs\brdrw20\brdrcf23 \trbrdrv\brdrs\brdrw20\brdrcf23 
\trftsWidthB3\trpaddl108\trpaddr108\trpaddfl3\trpaddft3\trpaddfb3\trpaddfr3\tscbandsh1\tscbandsv1\tblind0\tblindtype3\tsvertalt\tscellcbpat63\tsbrdrt\tsbrdrl\tsbrdrb\tsbrdrr\tsbrdrdgl\tsbrdrdgr\tsbrdrh\tsbrdrv 
\ql \li0\ri0\widctlpar\wrapdefault\aspalpha\aspnum\faauto\adjustright\rin0\lin0\itap0 \rtlch\fcs1 \af31507\afs22\alang1025 \ltrch\fcs0 \f31506\fs22\lang1033\langfe1033\cgrid\langnp1033\langfenp1033 
\sbasedon11 \snext281 \ssemihidden \sunhideused \spriority67 \styrsid15940483 Medium Grid 1;}{\*\ts281\tsrowd \rtlch\fcs1 \ab\af31507 \ltrch\fcs0 \b \tscfirstrow Medium Grid 1;}{\*\ts281\tsrowd\tsbrdrt\brdrs\brdrw45\brdrcf23 \rtlch\fcs1 \ab\af31507 
\ltrch\fcs0 \b \tsclastrow Medium Grid 1;}{\*\ts281\tsrowd \rtlch\fcs1 \ab\af31507 \ltrch\fcs0 \b \tscfirstcol Medium Grid 1;}{\*\ts281\tsrowd \rtlch\fcs1 \ab\af31507 \ltrch\fcs0 \b \tsclastcol Medium Grid 1;}{\*
\ts281\tsrowd\tscellcfpat0\tscellcbpat40\tscellpct0 \rtlch\fcs1 \af31507 \ltrch\fcs0 \tscbandvertodd Medium Grid 1;}{\*\ts281\tsrowd\tscellcfpat0\tscellcbpat40\tscellpct0 \rtlch\fcs1 \af31507 \ltrch\fcs0 \tscbandhorzodd Medium Grid 1;}{\*\ts282\tsrowd
\trbrdrt\brdrs\brdrw20\brdrcf101 \trbrdrl\brdrs\brdrw20\brdrcf101 \trbrdrb\brdrs\brdrw20\brdrcf101 \trbrdrr\brdrs\brdrw20\brdrcf101 \trbrdrh\brdrs\brdrw20\brdrcf101 \trbrdrv\brdrs\brdrw20\brdrcf101 
\trftsWidthB3\trpaddl108\trpaddr108\trpaddfl3\trpaddft3\trpaddfb3\trpaddfr3\tscbandsh1\tscbandsv1\tblind0\tblindtype3\tsvertalt\tscellcbpat65\tsbrdrt\tsbrdrl\tsbrdrb\tsbrdrr\tsbrdrdgl\tsbrdrdgr\tsbrdrh\tsbrdrv 
\ql \li0\ri0\widctlpar\wrapdefault\aspalpha\aspnum\faauto\adjustright\rin0\lin0\itap0 \rtlch\fcs1 \af31507\afs22\alang1025 \ltrch\fcs0 \f31506\fs22\lang1033\langfe1033\cgrid\langnp1033\langfenp1033 
\sbasedon11 \snext282 \ssemihidden \sunhideused \spriority67 \styrsid15940483 Medium Grid 1 Accent 1;}{\*\ts282\tsrowd \rtlch\fcs1 \ab\af31507 \ltrch\fcs0 \b \tscfirstrow Medium Grid 1 Accent 1;}{\*\ts282\tsrowd\tsbrdrt\brdrs\brdrw45\brdrcf101 
\rtlch\fcs1 \ab\af31507 \ltrch\fcs0 \b \tsclastrow Medium Grid 1 Accent 1;}{\*\ts282\tsrowd \rtlch\fcs1 \ab\af31507 \ltrch\fcs0 \b \tscfirstcol Medium Grid 1 Accent 1;}{\*\ts282\tsrowd \rtlch\fcs1 \ab\af31507 \ltrch\fcs0 \b \tsclastcol 
Medium Grid 1 Accent 1;}{\*\ts282\tsrowd\tscellcfpat0\tscellcbpat43\tscellpct0 \rtlch\fcs1 \af31507 \ltrch\fcs0 \tscbandvertodd Medium Grid 1 Accent 1;}{\*\ts282\tsrowd\tscellcfpat0\tscellcbpat43\tscellpct0 \rtlch\fcs1 \af31507 \ltrch\fcs0 
\tscbandhorzodd Medium Grid 1 Accent 1;}{\*\ts283\tsrowd\trbrdrt\brdrs\brdrw20\brdrcf102 \trbrdrl\brdrs\brdrw20\brdrcf102 \trbrdrb\brdrs\brdrw20\brdrcf102 \trbrdrr\brdrs\brdrw20\brdrcf102 \trbrdrh\brdrs\brdrw20\brdrcf102 \trbrdrv\brdrs\brdrw20\brdrcf102 
\trftsWidthB3\trpaddl108\trpaddr108\trpaddfl3\trpaddft3\trpaddfb3\trpaddfr3\tscbandsh1\tscbandsv1\tblind0\tblindtype3\tsvertalt\tscellcbpat67\tsbrdrt\tsbrdrl\tsbrdrb\tsbrdrr\tsbrdrdgl\tsbrdrdgr\tsbrdrh\tsbrdrv 
\ql \li0\ri0\widctlpar\wrapdefault\aspalpha\aspnum\faauto\adjustright\rin0\lin0\itap0 \rtlch\fcs1 \af31507\afs22\alang1025 \ltrch\fcs0 \f31506\fs22\lang1033\langfe1033\cgrid\langnp1033\langfenp1033 
\sbasedon11 \snext283 \ssemihidden \sunhideused \spriority67 \styrsid15940483 Medium Grid 1 Accent 2;}{\*\ts283\tsrowd \rtlch\fcs1 \ab\af31507 \ltrch\fcs0 \b \tscfirstrow Medium Grid 1 Accent 2;}{\*\ts283\tsrowd\tsbrdrt\brdrs\brdrw45\brdrcf102 
\rtlch\fcs1 \ab\af31507 \ltrch\fcs0 \b \tsclastrow Medium Grid 1 Accent 2;}{\*\ts283\tsrowd \rtlch\fcs1 \ab\af31507 \ltrch\fcs0 \b \tscfirstcol Medium Grid 1 Accent 2;}{\*\ts283\tsrowd \rtlch\fcs1 \ab\af31507 \ltrch\fcs0 \b \tsclastcol 
Medium Grid 1 Accent 2;}{\*\ts283\tsrowd\tscellcfpat0\tscellcbpat46\tscellpct0 \rtlch\fcs1 \af31507 \ltrch\fcs0 \tscbandvertodd Medium Grid 1 Accent 2;}{\*\ts283\tsrowd\tscellcfpat0\tscellcbpat46\tscellpct0 \rtlch\fcs1 \af31507 \ltrch\fcs0 
\tscbandhorzodd Medium Grid 1 Accent 2;}{\*\ts284\tsrowd\trbrdrt\brdrs\brdrw20\brdrcf103 \trbrdrl\brdrs\brdrw20\brdrcf103 \trbrdrb\brdrs\brdrw20\brdrcf103 \trbrdrr\brdrs\brdrw20\brdrcf103 \trbrdrh\brdrs\brdrw20\brdrcf103 \trbrdrv\brdrs\brdrw20\brdrcf103 
\trftsWidthB3\trpaddl108\trpaddr108\trpaddfl3\trpaddft3\trpaddfb3\trpaddfr3\tscbandsh1\tscbandsv1\tblind0\tblindtype3\tsvertalt\tscellcbpat70\tsbrdrt\tsbrdrl\tsbrdrb\tsbrdrr\tsbrdrdgl\tsbrdrdgr\tsbrdrh\tsbrdrv 
\ql \li0\ri0\widctlpar\wrapdefault\aspalpha\aspnum\faauto\adjustright\rin0\lin0\itap0 \rtlch\fcs1 \af31507\afs22\alang1025 \ltrch\fcs0 \f31506\fs22\lang1033\langfe1033\cgrid\langnp1033\langfenp1033 
\sbasedon11 \snext284 \ssemihidden \sunhideused \spriority67 \styrsid15940483 Medium Grid 1 Accent 3;}{\*\ts284\tsrowd \rtlch\fcs1 \ab\af31507 \ltrch\fcs0 \b \tscfirstrow Medium Grid 1 Accent 3;}{\*\ts284\tsrowd\tsbrdrt\brdrs\brdrw45\brdrcf103 
\rtlch\fcs1 \ab\af31507 \ltrch\fcs0 \b \tsclastrow Medium Grid 1 Accent 3;}{\*\ts284\tsrowd \rtlch\fcs1 \ab\af31507 \ltrch\fcs0 \b \tscfirstcol Medium Grid 1 Accent 3;}{\*\ts284\tsrowd \rtlch\fcs1 \ab\af31507 \ltrch\fcs0 \b \tsclastcol 
Medium Grid 1 Accent 3;}{\*\ts284\tsrowd\tscellcfpat0\tscellcbpat50\tscellpct0 \rtlch\fcs1 \af31507 \ltrch\fcs0 \tscbandvertodd Medium Grid 1 Accent 3;}{\*\ts284\tsrowd\tscellcfpat0\tscellcbpat50\tscellpct0 \rtlch\fcs1 \af31507 \ltrch\fcs0 
\tscbandhorzodd Medium Grid 1 Accent 3;}{\*\ts285\tsrowd\trbrdrt\brdrs\brdrw20\brdrcf104 \trbrdrl\brdrs\brdrw20\brdrcf104 \trbrdrb\brdrs\brdrw20\brdrcf104 \trbrdrr\brdrs\brdrw20\brdrcf104 \trbrdrh\brdrs\brdrw20\brdrcf104 \trbrdrv\brdrs\brdrw20\brdrcf104 
\trftsWidthB3\trpaddl108\trpaddr108\trpaddfl3\trpaddft3\trpaddfb3\trpaddfr3\tscbandsh1\tscbandsv1\tblind0\tblindtype3\tsvertalt\tscellcbpat73\tsbrdrt\tsbrdrl\tsbrdrb\tsbrdrr\tsbrdrdgl\tsbrdrdgr\tsbrdrh\tsbrdrv 
\ql \li0\ri0\widctlpar\wrapdefault\aspalpha\aspnum\faauto\adjustright\rin0\lin0\itap0 \rtlch\fcs1 \af31507\afs22\alang1025 \ltrch\fcs0 \f31506\fs22\lang1033\langfe1033\cgrid\langnp1033\langfenp1033 
\sbasedon11 \snext285 \ssemihidden \sunhideused \spriority67 \styrsid15940483 Medium Grid 1 Accent 4;}{\*\ts285\tsrowd \rtlch\fcs1 \ab\af31507 \ltrch\fcs0 \b \tscfirstrow Medium Grid 1 Accent 4;}{\*\ts285\tsrowd\tsbrdrt\brdrs\brdrw45\brdrcf104 
\rtlch\fcs1 \ab\af31507 \ltrch\fcs0 \b \tsclastrow Medium Grid 1 Accent 4;}{\*\ts285\tsrowd \rtlch\fcs1 \ab\af31507 \ltrch\fcs0 \b \tscfirstcol Medium Grid 1 Accent 4;}{\*\ts285\tsrowd \rtlch\fcs1 \ab\af31507 \ltrch\fcs0 \b \tsclastcol 
Medium Grid 1 Accent 4;}{\*\ts285\tsrowd\tscellcfpat0\tscellcbpat54\tscellpct0 \rtlch\fcs1 \af31507 \ltrch\fcs0 \tscbandvertodd Medium Grid 1 Accent 4;}{\*\ts285\tsrowd\tscellcfpat0\tscellcbpat54\tscellpct0 \rtlch\fcs1 \af31507 \ltrch\fcs0 
\tscbandhorzodd Medium Grid 1 Accent 4;}{\*\ts286\tsrowd\trbrdrt\brdrs\brdrw20\brdrcf105 \trbrdrl\brdrs\brdrw20\brdrcf105 \trbrdrb\brdrs\brdrw20\brdrcf105 \trbrdrr\brdrs\brdrw20\brdrcf105 \trbrdrh\brdrs\brdrw20\brdrcf105 \trbrdrv\brdrs\brdrw20\brdrcf105 
\trftsWidthB3\trpaddl108\trpaddr108\trpaddfl3\trpaddft3\trpaddfb3\trpaddfr3\tscbandsh1\tscbandsv1\tblind0\tblindtype3\tsvertalt\tscellcbpat76\tsbrdrt\tsbrdrl\tsbrdrb\tsbrdrr\tsbrdrdgl\tsbrdrdgr\tsbrdrh\tsbrdrv 
\ql \li0\ri0\widctlpar\wrapdefault\aspalpha\aspnum\faauto\adjustright\rin0\lin0\itap0 \rtlch\fcs1 \af31507\afs22\alang1025 \ltrch\fcs0 \f31506\fs22\lang1033\langfe1033\cgrid\langnp1033\langfenp1033 
\sbasedon11 \snext286 \ssemihidden \sunhideused \spriority67 \styrsid15940483 Medium Grid 1 Accent 5;}{\*\ts286\tsrowd \rtlch\fcs1 \ab\af31507 \ltrch\fcs0 \b \tscfirstrow Medium Grid 1 Accent 5;}{\*\ts286\tsrowd\tsbrdrt\brdrs\brdrw45\brdrcf105 
\rtlch\fcs1 \ab\af31507 \ltrch\fcs0 \b \tsclastrow Medium Grid 1 Accent 5;}{\*\ts286\tsrowd \rtlch\fcs1 \ab\af31507 \ltrch\fcs0 \b \tscfirstcol Medium Grid 1 Accent 5;}{\*\ts286\tsrowd \rtlch\fcs1 \ab\af31507 \ltrch\fcs0 \b \tsclastcol 
Medium Grid 1 Accent 5;}{\*\ts286\tsrowd\tscellcfpat0\tscellcbpat57\tscellpct0 \rtlch\fcs1 \af31507 \ltrch\fcs0 \tscbandvertodd Medium Grid 1 Accent 5;}{\*\ts286\tsrowd\tscellcfpat0\tscellcbpat57\tscellpct0 \rtlch\fcs1 \af31507 \ltrch\fcs0 
\tscbandhorzodd Medium Grid 1 Accent 5;}{\*\ts287\tsrowd\trbrdrt\brdrs\brdrw20\brdrcf106 \trbrdrl\brdrs\brdrw20\brdrcf106 \trbrdrb\brdrs\brdrw20\brdrcf106 \trbrdrr\brdrs\brdrw20\brdrcf106 \trbrdrh\brdrs\brdrw20\brdrcf106 \trbrdrv\brdrs\brdrw20\brdrcf106 
\trftsWidthB3\trpaddl108\trpaddr108\trpaddfl3\trpaddft3\trpaddfb3\trpaddfr3\tscbandsh1\tscbandsv1\tblind0\tblindtype3\tsvertalt\tscellcbpat79\tsbrdrt\tsbrdrl\tsbrdrb\tsbrdrr\tsbrdrdgl\tsbrdrdgr\tsbrdrh\tsbrdrv 
\ql \li0\ri0\widctlpar\wrapdefault\aspalpha\aspnum\faauto\adjustright\rin0\lin0\itap0 \rtlch\fcs1 \af31507\afs22\alang1025 \ltrch\fcs0 \f31506\fs22\lang1033\langfe1033\cgrid\langnp1033\langfenp1033 
\sbasedon11 \snext287 \ssemihidden \sunhideused \spriority67 \styrsid15940483 Medium Grid 1 Accent 6;}{\*\ts287\tsrowd \rtlch\fcs1 \ab\af31507 \ltrch\fcs0 \b \tscfirstrow Medium Grid 1 Accent 6;}{\*\ts287\tsrowd\tsbrdrt\brdrs\brdrw45\brdrcf106 
\rtlch\fcs1 \ab\af31507 \ltrch\fcs0 \b \tsclastrow Medium Grid 1 Accent 6;}{\*\ts287\tsrowd \rtlch\fcs1 \ab\af31507 \ltrch\fcs0 \b \tscfirstcol Medium Grid 1 Accent 6;}{\*\ts287\tsrowd \rtlch\fcs1 \ab\af31507 \ltrch\fcs0 \b \tsclastcol 
Medium Grid 1 Accent 6;}{\*\ts287\tsrowd\tscellcfpat0\tscellcbpat60\tscellpct0 \rtlch\fcs1 \af31507 \ltrch\fcs0 \tscbandvertodd Medium Grid 1 Accent 6;}{\*\ts287\tsrowd\tscellcfpat0\tscellcbpat60\tscellpct0 \rtlch\fcs1 \af31507 \ltrch\fcs0 
\tscbandhorzodd Medium Grid 1 Accent 6;}{\*\ts288\tsrowd\trbrdrt\brdrs\brdrw20\brdrcf32 \trbrdrl\brdrs\brdrw20\brdrcf32 \trbrdrb\brdrs\brdrw20\brdrcf32 \trbrdrr\brdrs\brdrw20\brdrcf32 \trbrdrh\brdrs\brdrw20\brdrcf32 \trbrdrv\brdrs\brdrw20\brdrcf32 
\trftsWidthB3\trpaddl108\trpaddr108\trpaddfl3\trpaddft3\trpaddfb3\trpaddfr3\tscbandsh1\tscbandsv1\tblind0\tblindtype3\tsvertalt\tscellcbpat63\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88 \ssemihidden \sunhideused \spriority68 \styrsid15940483 Medium Grid 2;}{\*\ts288\tsrowd\tscellcfpat0\tscellcbpat61\tscellpct0 \rtlch\fcs1 \ab\af31503 \ltrch\fcs0 \b\cf32 \tscfirstrow Medium Grid 2;}{\*
\ts288\tsrowd\tscellcfpat0\tscellcbpat22\tscellpct0\tsbrdrt\brdrs\brdrw30\brdrcf32 \tsbrdrl\brdrnone \tsbrdrb\brdrnone \tsbrdrr\brdrnone \tsbrdrh\brdrnone \tsbrdrv\brdrnone \rtlch\fcs1 \ab\af31503 \ltrch\fcs0 \b\cf32 \tsclastrow Medium Grid 2;}{\*
\ts288\tsrowd\tscellcfpat0\tscellcbpat22\tscellpct0\tsbrdrt\brdrnone \tsbrdrl\brdrnone \tsbrdrb\brdrnone \tsbrdrr\brdrnone \tsbrdrh\brdrnone \tsbrdrv\brdrnone \rtlch\fcs1 \ab\af31503 \ltrch\fcs0 \b\cf32 \tscfirstcol Medium Grid 2;}{\*
\ts288\tsrowd\tscellcfpat0\tscellcbpat31\tscellpct0\tsbrdrt\brdrnone \tsbrdrl\brdrnone \tsbrdrb\brdrnone \tsbrdrr\brdrnone \tsbrdrh\brdrnone \tsbrdrv\brdrnone \rtlch\fcs1 \ab0\af31503 \ltrch\fcs0 \b0\cf32 \tsclastcol Medium Grid 2;}{\*
\ts288\tsrowd\tscellcfpat0\tscellcbpat40\tscellpct0 \rtlch\fcs1 \af31503 \ltrch\fcs0 \tscbandvertodd Medium Grid 2;}{\*\ts288\tsrowd\tscellcfpat0\tscellcbpat40\tscellpct0\tsbrdrh\brdrs\brdrw15\brdrcf32 \tsbrdrv\brdrs\brdrw15\brdrcf32 \rtlch\fcs1 \af31503 
\ltrch\fcs0 \tscbandhorzodd Medium Grid 2;}{\*\ts288\tsrowd\tscellcfpat0\tscellcbpat22\tscellpct0 \rtlch\fcs1 \af31503 \ltrch\fcs0 \tscnwcell Medium Grid 2;}{\*\ts289\tsrowd\trbrdrt\brdrs\brdrw20\brdrcf82 \trbrdrl\brdrs\brdrw20\brdrcf82 \trbrdrb
\brdrs\brdrw20\brdrcf82 \trbrdrr\brdrs\brdrw20\brdrcf82 \trbrdrh\brdrs\brdrw20\brdrcf82 \trbrdrv\brdrs\brdrw20\brdrcf82 
\trftsWidthB3\trpaddl108\trpaddr108\trpaddfl3\trpaddft3\trpaddfb3\trpaddfr3\tscbandsh1\tscbandsv1\tblind0\tblindtype3\tsvertalt\tscellcbpat65\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89 \ssemihidden \sunhideused \spriority68 \styrsid15940483 Medium Grid 2 Accent 1;}{\*\ts289\tsrowd\tscellcfpat0\tscellcbpat64\tscellpct0 \rtlch\fcs1 \ab\af31503 \ltrch\fcs0 \b\cf32 \tscfirstrow Medium Grid 2 Accent 1;}{\*
\ts289\tsrowd\tscellcfpat0\tscellcbpat22\tscellpct0\tsbrdrt\brdrs\brdrw30\brdrcf32 \tsbrdrl\brdrnone \tsbrdrb\brdrnone \tsbrdrr\brdrnone \tsbrdrh\brdrnone \tsbrdrv\brdrnone \rtlch\fcs1 \ab\af31503 \ltrch\fcs0 \b\cf32 \tsclastrow Medium Grid 2 Accent 1;}
{\*\ts289\tsrowd\tscellcfpat0\tscellcbpat22\tscellpct0\tsbrdrt\brdrnone \tsbrdrl\brdrnone \tsbrdrb\brdrnone \tsbrdrr\brdrnone \tsbrdrh\brdrnone \tsbrdrv\brdrnone \rtlch\fcs1 \ab\af31503 \ltrch\fcs0 \b\cf32 \tscfirstcol Medium Grid 2 Accent 1;}{\*
\ts289\tsrowd\tscellcfpat0\tscellcbpat41\tscellpct0\tsbrdrt\brdrnone \tsbrdrl\brdrnone \tsbrdrb\brdrnone \tsbrdrr\brdrnone \tsbrdrh\brdrnone \tsbrdrv\brdrnone \rtlch\fcs1 \ab0\af31503 \ltrch\fcs0 \b0\cf32 \tsclastcol Medium Grid 2 Accent 1;}{\*
\ts289\tsrowd\tscellcfpat0\tscellcbpat43\tscellpct0 \rtlch\fcs1 \af31503 \ltrch\fcs0 \tscbandvertodd Medium Grid 2 Accent 1;}{\*\ts289\tsrowd\tscellcfpat0\tscellcbpat43\tscellpct0\tsbrdrh\brdrs\brdrw15\brdrcf82 \tsbrdrv\brdrs\brdrw15\brdrcf82 \rtlch\fcs1 
\af31503 \ltrch\fcs0 \tscbandhorzodd Medium Grid 2 Accent 1;}{\*\ts289\tsrowd\tscellcfpat0\tscellcbpat22\tscellpct0 \rtlch\fcs1 \af31503 \ltrch\fcs0 \tscnwcell Medium Grid 2 Accent 1;}{\*\ts290\tsrowd\trbrdrt\brdrs\brdrw20\brdrcf80 \trbrdrl
\brdrs\brdrw20\brdrcf80 \trbrdrb\brdrs\brdrw20\brdrcf80 \trbrdrr\brdrs\brdrw20\brdrcf80 \trbrdrh\brdrs\brdrw20\brdrcf80 \trbrdrv\brdrs\brdrw20\brdrcf80 
\trftsWidthB3\trpaddl108\trpaddr108\trpaddfl3\trpaddft3\trpaddfb3\trpaddfr3\tscbandsh1\tscbandsv1\tblind0\tblindtype3\tsvertalt\tscellcbpat67\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90 \ssemihidden \sunhideused \spriority68 \styrsid15940483 Medium Grid 2 Accent 2;}{\*\ts290\tsrowd\tscellcfpat0\tscellcbpat66\tscellpct0 \rtlch\fcs1 \ab\af31503 \ltrch\fcs0 \b\cf32 \tscfirstrow Medium Grid 2 Accent 2;}{\*
\ts290\tsrowd\tscellcfpat0\tscellcbpat22\tscellpct0\tsbrdrt\brdrs\brdrw30\brdrcf32 \tsbrdrl\brdrnone \tsbrdrb\brdrnone \tsbrdrr\brdrnone \tsbrdrh\brdrnone \tsbrdrv\brdrnone \rtlch\fcs1 \ab\af31503 \ltrch\fcs0 \b\cf32 \tsclastrow Medium Grid 2 Accent 2;}
{\*\ts290\tsrowd\tscellcfpat0\tscellcbpat22\tscellpct0\tsbrdrt\brdrnone \tsbrdrl\brdrnone \tsbrdrb\brdrnone \tsbrdrr\brdrnone \tsbrdrh\brdrnone \tsbrdrv\brdrnone \rtlch\fcs1 \ab\af31503 \ltrch\fcs0 \b\cf32 \tscfirstcol Medium Grid 2 Accent 2;}{\*
\ts290\tsrowd\tscellcfpat0\tscellcbpat44\tscellpct0\tsbrdrt\brdrnone \tsbrdrl\brdrnone \tsbrdrb\brdrnone \tsbrdrr\brdrnone \tsbrdrh\brdrnone \tsbrdrv\brdrnone \rtlch\fcs1 \ab0\af31503 \ltrch\fcs0 \b0\cf32 \tsclastcol Medium Grid 2 Accent 2;}{\*
\ts290\tsrowd\tscellcfpat0\tscellcbpat46\tscellpct0 \rtlch\fcs1 \af31503 \ltrch\fcs0 \tscbandvertodd Medium Grid 2 Accent 2;}{\*\ts290\tsrowd\tscellcfpat0\tscellcbpat46\tscellpct0\tsbrdrh\brdrs\brdrw15\brdrcf80 \tsbrdrv\brdrs\brdrw15\brdrcf80 \rtlch\fcs1 
\af31503 \ltrch\fcs0 \tscbandhorzodd Medium Grid 2 Accent 2;}{\*\ts290\tsrowd\tscellcfpat0\tscellcbpat22\tscellpct0 \rtlch\fcs1 \af31503 \ltrch\fcs0 \tscnwcell Medium Grid 2 Accent 2;}{\*\ts291\tsrowd\trbrdrt\brdrs\brdrw20\brdrcf86 \trbrdrl
\brdrs\brdrw20\brdrcf86 \trbrdrb\brdrs\brdrw20\brdrcf86 \trbrdrr\brdrs\brdrw20\brdrcf86 \trbrdrh\brdrs\brdrw20\brdrcf86 \trbrdrv\brdrs\brdrw20\brdrcf86 
\trftsWidthB3\trpaddl108\trpaddr108\trpaddfl3\trpaddft3\trpaddfb3\trpaddfr3\tscbandsh1\tscbandsv1\tblind0\tblindtype3\tsvertalt\tscellcbpat70\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91 \ssemihidden \sunhideused \spriority68 \styrsid15940483 Medium Grid 2 Accent 3;}{\*\ts291\tsrowd\tscellcfpat0\tscellcbpat68\tscellpct0 \rtlch\fcs1 \ab\af31503 \ltrch\fcs0 \b\cf32 \tscfirstrow Medium Grid 2 Accent 3;}{\*
\ts291\tsrowd\tscellcfpat0\tscellcbpat22\tscellpct0\tsbrdrt\brdrs\brdrw30\brdrcf32 \tsbrdrl\brdrnone \tsbrdrb\brdrnone \tsbrdrr\brdrnone \tsbrdrh\brdrnone \tsbrdrv\brdrnone \rtlch\fcs1 \ab\af31503 \ltrch\fcs0 \b\cf32 \tsclastrow Medium Grid 2 Accent 3;}
{\*\ts291\tsrowd\tscellcfpat0\tscellcbpat22\tscellpct0\tsbrdrt\brdrnone \tsbrdrl\brdrnone \tsbrdrb\brdrnone \tsbrdrr\brdrnone \tsbrdrh\brdrnone \tsbrdrv\brdrnone \rtlch\fcs1 \ab\af31503 \ltrch\fcs0 \b\cf32 \tscfirstcol Medium Grid 2 Accent 3;}{\*
\ts291\tsrowd\tscellcfpat0\tscellcbpat47\tscellpct0\tsbrdrt\brdrnone \tsbrdrl\brdrnone \tsbrdrb\brdrnone \tsbrdrr\brdrnone \tsbrdrh\brdrnone \tsbrdrv\brdrnone \rtlch\fcs1 \ab0\af31503 \ltrch\fcs0 \b0\cf32 \tsclastcol Medium Grid 2 Accent 3;}{\*
\ts291\tsrowd\tscellcfpat0\tscellcbpat50\tscellpct0 \rtlch\fcs1 \af31503 \ltrch\fcs0 \tscbandvertodd Medium Grid 2 Accent 3;}{\*\ts291\tsrowd\tscellcfpat0\tscellcbpat50\tscellpct0\tsbrdrh\brdrs\brdrw15\brdrcf86 \tsbrdrv\brdrs\brdrw15\brdrcf86 \rtlch\fcs1 
\af31503 \ltrch\fcs0 \tscbandhorzodd Medium Grid 2 Accent 3;}{\*\ts291\tsrowd\tscellcfpat0\tscellcbpat22\tscellpct0 \rtlch\fcs1 \af31503 \ltrch\fcs0 \tscnwcell Medium Grid 2 Accent 3;}{\*\ts292\tsrowd\trbrdrt\brdrs\brdrw20\brdrcf85 \trbrdrl
\brdrs\brdrw20\brdrcf85 \trbrdrb\brdrs\brdrw20\brdrcf85 \trbrdrr\brdrs\brdrw20\brdrcf85 \trbrdrh\brdrs\brdrw20\brdrcf85 \trbrdrv\brdrs\brdrw20\brdrcf85 
\trftsWidthB3\trpaddl108\trpaddr108\trpaddfl3\trpaddft3\trpaddfb3\trpaddfr3\tscbandsh1\tscbandsv1\tblind0\tblindtype3\tsvertalt\tscellcbpat73\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92 \ssemihidden \sunhideused \spriority68 \styrsid15940483 Medium Grid 2 Accent 4;}{\*\ts292\tsrowd\tscellcfpat0\tscellcbpat71\tscellpct0 \rtlch\fcs1 \ab\af31503 \ltrch\fcs0 \b\cf32 \tscfirstrow Medium Grid 2 Accent 4;}{\*
\ts292\tsrowd\tscellcfpat0\tscellcbpat22\tscellpct0\tsbrdrt\brdrs\brdrw30\brdrcf32 \tsbrdrl\brdrnone \tsbrdrb\brdrnone \tsbrdrr\brdrnone \tsbrdrh\brdrnone \tsbrdrv\brdrnone \rtlch\fcs1 \ab\af31503 \ltrch\fcs0 \b\cf32 \tsclastrow Medium Grid 2 Accent 4;}
{\*\ts292\tsrowd\tscellcfpat0\tscellcbpat22\tscellpct0\tsbrdrt\brdrnone \tsbrdrl\brdrnone \tsbrdrb\brdrnone \tsbrdrr\brdrnone \tsbrdrh\brdrnone \tsbrdrv\brdrnone \rtlch\fcs1 \ab\af31503 \ltrch\fcs0 \b\cf32 \tscfirstcol Medium Grid 2 Accent 4;}{\*
\ts292\tsrowd\tscellcfpat0\tscellcbpat51\tscellpct0\tsbrdrt\brdrnone \tsbrdrl\brdrnone \tsbrdrb\brdrnone \tsbrdrr\brdrnone \tsbrdrh\brdrnone \tsbrdrv\brdrnone \rtlch\fcs1 \ab0\af31503 \ltrch\fcs0 \b0\cf32 \tsclastcol Medium Grid 2 Accent 4;}{\*
\ts292\tsrowd\tscellcfpat0\tscellcbpat54\tscellpct0 \rtlch\fcs1 \af31503 \ltrch\fcs0 \tscbandvertodd Medium Grid 2 Accent 4;}{\*\ts292\tsrowd\tscellcfpat0\tscellcbpat54\tscellpct0\tsbrdrh\brdrs\brdrw15\brdrcf85 \tsbrdrv\brdrs\brdrw15\brdrcf85 \rtlch\fcs1 
\af31503 \ltrch\fcs0 \tscbandhorzodd Medium Grid 2 Accent 4;}{\*\ts292\tsrowd\tscellcfpat0\tscellcbpat22\tscellpct0 \rtlch\fcs1 \af31503 \ltrch\fcs0 \tscnwcell Medium Grid 2 Accent 4;}{\*\ts293\tsrowd\trbrdrt\brdrs\brdrw20\brdrcf17 \trbrdrl
\brdrs\brdrw20\brdrcf17 \trbrdrb\brdrs\brdrw20\brdrcf17 \trbrdrr\brdrs\brdrw20\brdrcf17 \trbrdrh\brdrs\brdrw20\brdrcf17 \trbrdrv\brdrs\brdrw20\brdrcf17 
\trftsWidthB3\trpaddl108\trpaddr108\trpaddfl3\trpaddft3\trpaddfb3\trpaddfr3\tscbandsh1\tscbandsv1\tblind0\tblindtype3\tsvertalt\tscellcbpat76\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93 \ssemihidden \sunhideused \spriority68 \styrsid15940483 Medium Grid 2 Accent 5;}{\*\ts293\tsrowd\tscellcfpat0\tscellcbpat74\tscellpct0 \rtlch\fcs1 \ab\af31503 \ltrch\fcs0 \b\cf32 \tscfirstrow Medium Grid 2 Accent 5;}{\*
\ts293\tsrowd\tscellcfpat0\tscellcbpat22\tscellpct0\tsbrdrt\brdrs\brdrw30\brdrcf32 \tsbrdrl\brdrnone \tsbrdrb\brdrnone \tsbrdrr\brdrnone \tsbrdrh\brdrnone \tsbrdrv\brdrnone \rtlch\fcs1 \ab\af31503 \ltrch\fcs0 \b\cf32 \tsclastrow Medium Grid 2 Accent 5;}
{\*\ts293\tsrowd\tscellcfpat0\tscellcbpat22\tscellpct0\tsbrdrt\brdrnone \tsbrdrl\brdrnone \tsbrdrb\brdrnone \tsbrdrr\brdrnone \tsbrdrh\brdrnone \tsbrdrv\brdrnone \rtlch\fcs1 \ab\af31503 \ltrch\fcs0 \b\cf32 \tscfirstcol Medium Grid 2 Accent 5;}{\*
\ts293\tsrowd\tscellcfpat0\tscellcbpat28\tscellpct0\tsbrdrt\brdrnone \tsbrdrl\brdrnone \tsbrdrb\brdrnone \tsbrdrr\brdrnone \tsbrdrh\brdrnone \tsbrdrv\brdrnone \rtlch\fcs1 \ab0\af31503 \ltrch\fcs0 \b0\cf32 \tsclastcol Medium Grid 2 Accent 5;}{\*
\ts293\tsrowd\tscellcfpat0\tscellcbpat57\tscellpct0 \rtlch\fcs1 \af31503 \ltrch\fcs0 \tscbandvertodd Medium Grid 2 Accent 5;}{\*\ts293\tsrowd\tscellcfpat0\tscellcbpat57\tscellpct0\tsbrdrh\brdrs\brdrw15\brdrcf17 \tsbrdrv\brdrs\brdrw15\brdrcf17 \rtlch\fcs1 
\af31503 \ltrch\fcs0 \tscbandhorzodd Medium Grid 2 Accent 5;}{\*\ts293\tsrowd\tscellcfpat0\tscellcbpat22\tscellpct0 \rtlch\fcs1 \af31503 \ltrch\fcs0 \tscnwcell Medium Grid 2 Accent 5;}{\*\ts294\tsrowd\trbrdrt\brdrs\brdrw20\brdrcf89 \trbrdrl
\brdrs\brdrw20\brdrcf89 \trbrdrb\brdrs\brdrw20\brdrcf89 \trbrdrr\brdrs\brdrw20\brdrcf89 \trbrdrh\brdrs\brdrw20\brdrcf89 \trbrdrv\brdrs\brdrw20\brdrcf89 
\trftsWidthB3\trpaddl108\trpaddr108\trpaddfl3\trpaddft3\trpaddfb3\trpaddfr3\tscbandsh1\tscbandsv1\tblind0\tblindtype3\tsvertalt\tscellcbpat79\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94 \ssemihidden \sunhideused \spriority68 \styrsid15940483 Medium Grid 2 Accent 6;}{\*\ts294\tsrowd\tscellcfpat0\tscellcbpat77\tscellpct0 \rtlch\fcs1 \ab\af31503 \ltrch\fcs0 \b\cf32 \tscfirstrow Medium Grid 2 Accent 6;}{\*
\ts294\tsrowd\tscellcfpat0\tscellcbpat22\tscellpct0\tsbrdrt\brdrs\brdrw30\brdrcf32 \tsbrdrl\brdrnone \tsbrdrb\brdrnone \tsbrdrr\brdrnone \tsbrdrh\brdrnone \tsbrdrv\brdrnone \rtlch\fcs1 \ab\af31503 \ltrch\fcs0 \b\cf32 \tsclastrow Medium Grid 2 Accent 6;}
{\*\ts294\tsrowd\tscellcfpat0\tscellcbpat22\tscellpct0\tsbrdrt\brdrnone \tsbrdrl\brdrnone \tsbrdrb\brdrnone \tsbrdrr\brdrnone \tsbrdrh\brdrnone \tsbrdrv\brdrnone \rtlch\fcs1 \ab\af31503 \ltrch\fcs0 \b\cf32 \tscfirstcol Medium Grid 2 Accent 6;}{\*
\ts294\tsrowd\tscellcfpat0\tscellcbpat58\tscellpct0\tsbrdrt\brdrnone \tsbrdrl\brdrnone \tsbrdrb\brdrnone \tsbrdrr\brdrnone \tsbrdrh\brdrnone \tsbrdrv\brdrnone \rtlch\fcs1 \ab0\af31503 \ltrch\fcs0 \b0\cf32 \tsclastcol Medium Grid 2 Accent 6;}{\*
\ts294\tsrowd\tscellcfpat0\tscellcbpat60\tscellpct0 \rtlch\fcs1 \af31503 \ltrch\fcs0 \tscbandvertodd Medium Grid 2 Accent 6;}{\*\ts294\tsrowd\tscellcfpat0\tscellcbpat60\tscellpct0\tsbrdrh\brdrs\brdrw15\brdrcf89 \tsbrdrv\brdrs\brdrw15\brdrcf89 \rtlch\fcs1 
\af31503 \ltrch\fcs0 \tscbandhorzodd Medium Grid 2 Accent 6;}{\*\ts294\tsrowd\tscellcfpat0\tscellcbpat22\tscellpct0 \rtlch\fcs1 \af31503 \ltrch\fcs0 \tscnwcell Medium Grid 2 Accent 6;}{\*\ts295\tsrowd\trbrdrt\brdrs\brdrw20\brdrcf22 \trbrdrl
\brdrs\brdrw20\brdrcf22 \trbrdrb\brdrs\brdrw20\brdrcf22 \trbrdrr\brdrs\brdrw20\brdrcf22 \trbrdrh\brdrs\brdrw15\brdrcf22 \trbrdrv\brdrs\brdrw15\brdrcf22 
\trftsWidthB3\trpaddl108\trpaddr108\trpaddfl3\trpaddft3\trpaddfb3\trpaddfr3\tscbandsh1\tscbandsv1\tblind0\tblindtype3\tsvertalt\tscellcbpat63\tsbrdrt\tsbrdrl\tsbrdrb\tsbrdrr\tsbrdrdgl\tsbrdrdgr\tsbrdrh\tsbrdrv 
\ql \li0\ri0\widctlpar\wrapdefault\aspalpha\aspnum\faauto\adjustright\rin0\lin0\itap0 \rtlch\fcs1 \af31507\afs22\alang1025 \ltrch\fcs0 \f31506\fs22\lang1033\langfe1033\cgrid\langnp1033\langfenp1033 
\sbasedon11 \snext295 \ssemihidden \sunhideused \spriority69 \styrsid15940483 Medium Grid 3;}{\*\ts295\tsrowd\tscellcfpat0\tscellcbpat32\tscellpct0\tsbrdrt\brdrs\brdrw20\brdrcf22 \tsbrdrl\brdrs\brdrw20\brdrcf22 \tsbrdrb\brdrs\brdrw60\brdrcf22 \tsbrdrr
\brdrs\brdrw20\brdrcf22 \tsbrdrh\brdrnone \tsbrdrv\brdrs\brdrw20\brdrcf22 \rtlch\fcs1 \ab\ai0\af31507 \ltrch\fcs0 \b\i0\cf22 \tscfirstrow Medium Grid 3;}{\*\ts295\tsrowd\tscellcfpat0\tscellcbpat32\tscellpct0\tsbrdrt\brdrs\brdrw60\brdrcf22 \tsbrdrl
\brdrs\brdrw20\brdrcf22 \tsbrdrb\brdrs\brdrw20\brdrcf22 \tsbrdrr\brdrs\brdrw20\brdrcf22 \tsbrdrh\brdrnone \tsbrdrv\brdrs\brdrw20\brdrcf22 \rtlch\fcs1 \ab\ai0\af31507 \ltrch\fcs0 \b\i0\cf22 \tsclastrow Medium Grid 3;}{\*
\ts295\tsrowd\tscellcfpat0\tscellcbpat32\tscellpct0\tsbrdrl\brdrs\brdrw20\brdrcf22 \tsbrdrr\brdrs\brdrw60\brdrcf22 \tsbrdrh\brdrnone \tsbrdrv\brdrnone \rtlch\fcs1 \ab\ai0\af31507 \ltrch\fcs0 \b\i0\cf22 \tscfirstcol Medium Grid 3;}{\*
\ts295\tsrowd\tscellcfpat0\tscellcbpat32\tscellpct0\tsbrdrt\brdrnone \tsbrdrl\brdrs\brdrw60\brdrcf22 \tsbrdrb\brdrnone \tsbrdrr\brdrnone \tsbrdrh\brdrnone \tsbrdrv\brdrnone \rtlch\fcs1 \ab\ai0\af31507 \ltrch\fcs0 \b\i0\cf22 \tsclastcol Medium Grid 3;}{\*
\ts295\tsrowd\tscellcfpat0\tscellcbpat40\tscellpct0\tsbrdrt\brdrs\brdrw20\brdrcf22 \tsbrdrl\brdrs\brdrw20\brdrcf22 \tsbrdrb\brdrs\brdrw20\brdrcf22 \tsbrdrr\brdrs\brdrw20\brdrcf22 \tsbrdrh\brdrnone \tsbrdrv\brdrnone \rtlch\fcs1 \af31507 \ltrch\fcs0 
\tscbandvertodd Medium Grid 3;}{\*\ts295\tsrowd\tscellcfpat0\tscellcbpat40\tscellpct0\tsbrdrt\brdrs\brdrw20\brdrcf22 \tsbrdrl\brdrs\brdrw20\brdrcf22 \tsbrdrb\brdrs\brdrw20\brdrcf22 \tsbrdrr\brdrs\brdrw20\brdrcf22 \tsbrdrh\brdrs\brdrw20\brdrcf22 \tsbrdrv
\brdrs\brdrw20\brdrcf22 \rtlch\fcs1 \af31507 \ltrch\fcs0 \tscbandhorzodd Medium Grid 3;}{\*\ts296\tsrowd\trbrdrt\brdrs\brdrw20\brdrcf22 \trbrdrl\brdrs\brdrw20\brdrcf22 \trbrdrb\brdrs\brdrw20\brdrcf22 \trbrdrr\brdrs\brdrw20\brdrcf22 \trbrdrh
\brdrs\brdrw15\brdrcf22 \trbrdrv\brdrs\brdrw15\brdrcf22 
\trftsWidthB3\trpaddl108\trpaddr108\trpaddfl3\trpaddft3\trpaddfb3\trpaddfr3\tscbandsh1\tscbandsv1\tblind0\tblindtype3\tsvertalt\tscellcbpat65\tsbrdrt\tsbrdrl\tsbrdrb\tsbrdrr\tsbrdrdgl\tsbrdrdgr\tsbrdrh\tsbrdrv 
\ql \li0\ri0\widctlpar\wrapdefault\aspalpha\aspnum\faauto\adjustright\rin0\lin0\itap0 \rtlch\fcs1 \af31507\afs22\alang1025 \ltrch\fcs0 \f31506\fs22\lang1033\langfe1033\cgrid\langnp1033\langfenp1033 
\sbasedon11 \snext296 \ssemihidden \sunhideused \spriority69 \styrsid15940483 Medium Grid 3 Accent 1;}{\*\ts296\tsrowd\tscellcfpat0\tscellcbpat82\tscellpct0\tsbrdrt\brdrs\brdrw20\brdrcf22 \tsbrdrl\brdrs\brdrw20\brdrcf22 \tsbrdrb\brdrs\brdrw60\brdrcf22 
\tsbrdrr\brdrs\brdrw20\brdrcf22 \tsbrdrh\brdrnone \tsbrdrv\brdrs\brdrw20\brdrcf22 \rtlch\fcs1 \ab\ai0\af31507 \ltrch\fcs0 \b\i0\cf22 \tscfirstrow Medium Grid 3 Accent 1;}{\*\ts296\tsrowd\tscellcfpat0\tscellcbpat82\tscellpct0\tsbrdrt
\brdrs\brdrw60\brdrcf22 \tsbrdrl\brdrs\brdrw20\brdrcf22 \tsbrdrb\brdrs\brdrw20\brdrcf22 \tsbrdrr\brdrs\brdrw20\brdrcf22 \tsbrdrh\brdrnone \tsbrdrv\brdrs\brdrw20\brdrcf22 \rtlch\fcs1 \ab\ai0\af31507 \ltrch\fcs0 \b\i0\cf22 \tsclastrow 
Medium Grid 3 Accent 1;}{\*\ts296\tsrowd\tscellcfpat0\tscellcbpat82\tscellpct0\tsbrdrl\brdrs\brdrw20\brdrcf22 \tsbrdrr\brdrs\brdrw60\brdrcf22 \tsbrdrh\brdrnone \tsbrdrv\brdrnone \rtlch\fcs1 \ab\ai0\af31507 \ltrch\fcs0 \b\i0\cf22 \tscfirstcol 
Medium Grid 3 Accent 1;}{\*\ts296\tsrowd\tscellcfpat0\tscellcbpat82\tscellpct0\tsbrdrt\brdrnone \tsbrdrl\brdrs\brdrw60\brdrcf22 \tsbrdrb\brdrnone \tsbrdrr\brdrnone \tsbrdrh\brdrnone \tsbrdrv\brdrnone \rtlch\fcs1 \ab\ai0\af31507 \ltrch\fcs0 \b\i0\cf22 
\tsclastcol Medium Grid 3 Accent 1;}{\*\ts296\tsrowd\tscellcfpat0\tscellcbpat43\tscellpct0\tsbrdrt\brdrs\brdrw20\brdrcf22 \tsbrdrl\brdrs\brdrw20\brdrcf22 \tsbrdrb\brdrs\brdrw20\brdrcf22 \tsbrdrr\brdrs\brdrw20\brdrcf22 \tsbrdrh\brdrnone \tsbrdrv\brdrnone 
\rtlch\fcs1 \af31507 \ltrch\fcs0 \tscbandvertodd Medium Grid 3 Accent 1;}{\*\ts296\tsrowd\tscellcfpat0\tscellcbpat43\tscellpct0\tsbrdrt\brdrs\brdrw20\brdrcf22 \tsbrdrl\brdrs\brdrw20\brdrcf22 \tsbrdrb\brdrs\brdrw20\brdrcf22 \tsbrdrr\brdrs\brdrw20\brdrcf22 
\tsbrdrh\brdrs\brdrw20\brdrcf22 \tsbrdrv\brdrs\brdrw20\brdrcf22 \rtlch\fcs1 \af31507 \ltrch\fcs0 \tscbandhorzodd Medium Grid 3 Accent 1;}{\*\ts297\tsrowd\trbrdrt\brdrs\brdrw20\brdrcf22 \trbrdrl\brdrs\brdrw20\brdrcf22 \trbrdrb\brdrs\brdrw20\brdrcf22 
\trbrdrr\brdrs\brdrw20\brdrcf22 \trbrdrh\brdrs\brdrw15\brdrcf22 \trbrdrv\brdrs\brdrw15\brdrcf22 
\trftsWidthB3\trpaddl108\trpaddr108\trpaddfl3\trpaddft3\trpaddfb3\trpaddfr3\tscbandsh1\tscbandsv1\tblind0\tblindtype3\tsvertalt\tscellcbpat67\tsbrdrt\tsbrdrl\tsbrdrb\tsbrdrr\tsbrdrdgl\tsbrdrdgr\tsbrdrh\tsbrdrv 
\ql \li0\ri0\widctlpar\wrapdefault\aspalpha\aspnum\faauto\adjustright\rin0\lin0\itap0 \rtlch\fcs1 \af31507\afs22\alang1025 \ltrch\fcs0 \f31506\fs22\lang1033\langfe1033\cgrid\langnp1033\langfenp1033 
\sbasedon11 \snext297 \ssemihidden \sunhideused \spriority69 \styrsid15940483 Medium Grid 3 Accent 2;}{\*\ts297\tsrowd\tscellcfpat0\tscellcbpat80\tscellpct0\tsbrdrt\brdrs\brdrw20\brdrcf22 \tsbrdrl\brdrs\brdrw20\brdrcf22 \tsbrdrb\brdrs\brdrw60\brdrcf22 
\tsbrdrr\brdrs\brdrw20\brdrcf22 \tsbrdrh\brdrnone \tsbrdrv\brdrs\brdrw20\brdrcf22 \rtlch\fcs1 \ab\ai0\af31507 \ltrch\fcs0 \b\i0\cf22 \tscfirstrow Medium Grid 3 Accent 2;}{\*\ts297\tsrowd\tscellcfpat0\tscellcbpat80\tscellpct0\tsbrdrt
\brdrs\brdrw60\brdrcf22 \tsbrdrl\brdrs\brdrw20\brdrcf22 \tsbrdrb\brdrs\brdrw20\brdrcf22 \tsbrdrr\brdrs\brdrw20\brdrcf22 \tsbrdrh\brdrnone \tsbrdrv\brdrs\brdrw20\brdrcf22 \rtlch\fcs1 \ab\ai0\af31507 \ltrch\fcs0 \b\i0\cf22 \tsclastrow 
Medium Grid 3 Accent 2;}{\*\ts297\tsrowd\tscellcfpat0\tscellcbpat80\tscellpct0\tsbrdrl\brdrs\brdrw20\brdrcf22 \tsbrdrr\brdrs\brdrw60\brdrcf22 \tsbrdrh\brdrnone \tsbrdrv\brdrnone \rtlch\fcs1 \ab\ai0\af31507 \ltrch\fcs0 \b\i0\cf22 \tscfirstcol 
Medium Grid 3 Accent 2;}{\*\ts297\tsrowd\tscellcfpat0\tscellcbpat80\tscellpct0\tsbrdrt\brdrnone \tsbrdrl\brdrs\brdrw60\brdrcf22 \tsbrdrb\brdrnone \tsbrdrr\brdrnone \tsbrdrh\brdrnone \tsbrdrv\brdrnone \rtlch\fcs1 \ab\ai0\af31507 \ltrch\fcs0 \b\i0\cf22 
\tsclastcol Medium Grid 3 Accent 2;}{\*\ts297\tsrowd\tscellcfpat0\tscellcbpat46\tscellpct0\tsbrdrt\brdrs\brdrw20\brdrcf22 \tsbrdrl\brdrs\brdrw20\brdrcf22 \tsbrdrb\brdrs\brdrw20\brdrcf22 \tsbrdrr\brdrs\brdrw20\brdrcf22 \tsbrdrh\brdrnone \tsbrdrv\brdrnone 
\rtlch\fcs1 \af31507 \ltrch\fcs0 \tscbandvertodd Medium Grid 3 Accent 2;}{\*\ts297\tsrowd\tscellcfpat0\tscellcbpat46\tscellpct0\tsbrdrt\brdrs\brdrw20\brdrcf22 \tsbrdrl\brdrs\brdrw20\brdrcf22 \tsbrdrb\brdrs\brdrw20\brdrcf22 \tsbrdrr\brdrs\brdrw20\brdrcf22 
\tsbrdrh\brdrs\brdrw20\brdrcf22 \tsbrdrv\brdrs\brdrw20\brdrcf22 \rtlch\fcs1 \af31507 \ltrch\fcs0 \tscbandhorzodd Medium Grid 3 Accent 2;}{\*\ts298\tsrowd\trbrdrt\brdrs\brdrw20\brdrcf22 \trbrdrl\brdrs\brdrw20\brdrcf22 \trbrdrb\brdrs\brdrw20\brdrcf22 
\trbrdrr\brdrs\brdrw20\brdrcf22 \trbrdrh\brdrs\brdrw15\brdrcf22 \trbrdrv\brdrs\brdrw15\brdrcf22 
\trftsWidthB3\trpaddl108\trpaddr108\trpaddfl3\trpaddft3\trpaddfb3\trpaddfr3\tscbandsh1\tscbandsv1\tblind0\tblindtype3\tsvertalt\tscellcbpat70\tsbrdrt\tsbrdrl\tsbrdrb\tsbrdrr\tsbrdrdgl\tsbrdrdgr\tsbrdrh\tsbrdrv 
\ql \li0\ri0\widctlpar\wrapdefault\aspalpha\aspnum\faauto\adjustright\rin0\lin0\itap0 \rtlch\fcs1 \af31507\afs22\alang1025 \ltrch\fcs0 \f31506\fs22\lang1033\langfe1033\cgrid\langnp1033\langfenp1033 
\sbasedon11 \snext298 \ssemihidden \sunhideused \spriority69 \styrsid15940483 Medium Grid 3 Accent 3;}{\*\ts298\tsrowd\tscellcfpat0\tscellcbpat86\tscellpct0\tsbrdrt\brdrs\brdrw20\brdrcf22 \tsbrdrl\brdrs\brdrw20\brdrcf22 \tsbrdrb\brdrs\brdrw60\brdrcf22 
\tsbrdrr\brdrs\brdrw20\brdrcf22 \tsbrdrh\brdrnone \tsbrdrv\brdrs\brdrw20\brdrcf22 \rtlch\fcs1 \ab\ai0\af31507 \ltrch\fcs0 \b\i0\cf22 \tscfirstrow Medium Grid 3 Accent 3;}{\*\ts298\tsrowd\tscellcfpat0\tscellcbpat86\tscellpct0\tsbrdrt
\brdrs\brdrw60\brdrcf22 \tsbrdrl\brdrs\brdrw20\brdrcf22 \tsbrdrb\brdrs\brdrw20\brdrcf22 \tsbrdrr\brdrs\brdrw20\brdrcf22 \tsbrdrh\brdrnone \tsbrdrv\brdrs\brdrw20\brdrcf22 \rtlch\fcs1 \ab\ai0\af31507 \ltrch\fcs0 \b\i0\cf22 \tsclastrow 
Medium Grid 3 Accent 3;}{\*\ts298\tsrowd\tscellcfpat0\tscellcbpat86\tscellpct0\tsbrdrl\brdrs\brdrw20\brdrcf22 \tsbrdrr\brdrs\brdrw60\brdrcf22 \tsbrdrh\brdrnone \tsbrdrv\brdrnone \rtlch\fcs1 \ab\ai0\af31507 \ltrch\fcs0 \b\i0\cf22 \tscfirstcol 
Medium Grid 3 Accent 3;}{\*\ts298\tsrowd\tscellcfpat0\tscellcbpat86\tscellpct0\tsbrdrt\brdrnone \tsbrdrl\brdrs\brdrw60\brdrcf22 \tsbrdrb\brdrnone \tsbrdrr\brdrnone \tsbrdrh\brdrnone \tsbrdrv\brdrnone \rtlch\fcs1 \ab\ai0\af31507 \ltrch\fcs0 \b\i0\cf22 
\tsclastcol Medium Grid 3 Accent 3;}{\*\ts298\tsrowd\tscellcfpat0\tscellcbpat50\tscellpct0\tsbrdrt\brdrs\brdrw20\brdrcf22 \tsbrdrl\brdrs\brdrw20\brdrcf22 \tsbrdrb\brdrs\brdrw20\brdrcf22 \tsbrdrr\brdrs\brdrw20\brdrcf22 \tsbrdrh\brdrnone \tsbrdrv\brdrnone 
\rtlch\fcs1 \af31507 \ltrch\fcs0 \tscbandvertodd Medium Grid 3 Accent 3;}{\*\ts298\tsrowd\tscellcfpat0\tscellcbpat50\tscellpct0\tsbrdrt\brdrs\brdrw20\brdrcf22 \tsbrdrl\brdrs\brdrw20\brdrcf22 \tsbrdrb\brdrs\brdrw20\brdrcf22 \tsbrdrr\brdrs\brdrw20\brdrcf22 
\tsbrdrh\brdrs\brdrw20\brdrcf22 \tsbrdrv\brdrs\brdrw20\brdrcf22 \rtlch\fcs1 \af31507 \ltrch\fcs0 \tscbandhorzodd Medium Grid 3 Accent 3;}{\*\ts299\tsrowd\trbrdrt\brdrs\brdrw20\brdrcf22 \trbrdrl\brdrs\brdrw20\brdrcf22 \trbrdrb\brdrs\brdrw20\brdrcf22 
\trbrdrr\brdrs\brdrw20\brdrcf22 \trbrdrh\brdrs\brdrw15\brdrcf22 \trbrdrv\brdrs\brdrw15\brdrcf22 
\trftsWidthB3\trpaddl108\trpaddr108\trpaddfl3\trpaddft3\trpaddfb3\trpaddfr3\tscbandsh1\tscbandsv1\tblind0\tblindtype3\tsvertalt\tscellcbpat73\tsbrdrt\tsbrdrl\tsbrdrb\tsbrdrr\tsbrdrdgl\tsbrdrdgr\tsbrdrh\tsbrdrv 
\ql \li0\ri0\widctlpar\wrapdefault\aspalpha\aspnum\faauto\adjustright\rin0\lin0\itap0 \rtlch\fcs1 \af31507\afs22\alang1025 \ltrch\fcs0 \f31506\fs22\lang1033\langfe1033\cgrid\langnp1033\langfenp1033 
\sbasedon11 \snext299 \ssemihidden \sunhideused \spriority69 \styrsid15940483 Medium Grid 3 Accent 4;}{\*\ts299\tsrowd\tscellcfpat0\tscellcbpat85\tscellpct0\tsbrdrt\brdrs\brdrw20\brdrcf22 \tsbrdrl\brdrs\brdrw20\brdrcf22 \tsbrdrb\brdrs\brdrw60\brdrcf22 
\tsbrdrr\brdrs\brdrw20\brdrcf22 \tsbrdrh\brdrnone \tsbrdrv\brdrs\brdrw20\brdrcf22 \rtlch\fcs1 \ab\ai0\af31507 \ltrch\fcs0 \b\i0\cf22 \tscfirstrow Medium Grid 3 Accent 4;}{\*\ts299\tsrowd\tscellcfpat0\tscellcbpat85\tscellpct0\tsbrdrt
\brdrs\brdrw60\brdrcf22 \tsbrdrl\brdrs\brdrw20\brdrcf22 \tsbrdrb\brdrs\brdrw20\brdrcf22 \tsbrdrr\brdrs\brdrw20\brdrcf22 \tsbrdrh\brdrnone \tsbrdrv\brdrs\brdrw20\brdrcf22 \rtlch\fcs1 \ab\ai0\af31507 \ltrch\fcs0 \b\i0\cf22 \tsclastrow 
Medium Grid 3 Accent 4;}{\*\ts299\tsrowd\tscellcfpat0\tscellcbpat85\tscellpct0\tsbrdrl\brdrs\brdrw20\brdrcf22 \tsbrdrr\brdrs\brdrw60\brdrcf22 \tsbrdrh\brdrnone \tsbrdrv\brdrnone \rtlch\fcs1 \ab\ai0\af31507 \ltrch\fcs0 \b\i0\cf22 \tscfirstcol 
Medium Grid 3 Accent 4;}{\*\ts299\tsrowd\tscellcfpat0\tscellcbpat85\tscellpct0\tsbrdrt\brdrnone \tsbrdrl\brdrs\brdrw60\brdrcf22 \tsbrdrb\brdrnone \tsbrdrr\brdrnone \tsbrdrh\brdrnone \tsbrdrv\brdrnone \rtlch\fcs1 \ab\ai0\af31507 \ltrch\fcs0 \b\i0\cf22 
\tsclastcol Medium Grid 3 Accent 4;}{\*\ts299\tsrowd\tscellcfpat0\tscellcbpat54\tscellpct0\tsbrdrt\brdrs\brdrw20\brdrcf22 \tsbrdrl\brdrs\brdrw20\brdrcf22 \tsbrdrb\brdrs\brdrw20\brdrcf22 \tsbrdrr\brdrs\brdrw20\brdrcf22 \tsbrdrh\brdrnone \tsbrdrv\brdrnone 
\rtlch\fcs1 \af31507 \ltrch\fcs0 \tscbandvertodd Medium Grid 3 Accent 4;}{\*\ts299\tsrowd\tscellcfpat0\tscellcbpat54\tscellpct0\tsbrdrt\brdrs\brdrw20\brdrcf22 \tsbrdrl\brdrs\brdrw20\brdrcf22 \tsbrdrb\brdrs\brdrw20\brdrcf22 \tsbrdrr\brdrs\brdrw20\brdrcf22 
\tsbrdrh\brdrs\brdrw20\brdrcf22 \tsbrdrv\brdrs\brdrw20\brdrcf22 \rtlch\fcs1 \af31507 \ltrch\fcs0 \tscbandhorzodd Medium Grid 3 Accent 4;}{\*\ts300\tsrowd\trbrdrt\brdrs\brdrw20\brdrcf22 \trbrdrl\brdrs\brdrw20\brdrcf22 \trbrdrb\brdrs\brdrw20\brdrcf22 
\trbrdrr\brdrs\brdrw20\brdrcf22 \trbrdrh\brdrs\brdrw15\brdrcf22 \trbrdrv\brdrs\brdrw15\brdrcf22 
\trftsWidthB3\trpaddl108\trpaddr108\trpaddfl3\trpaddft3\trpaddfb3\trpaddfr3\tscbandsh1\tscbandsv1\tblind0\tblindtype3\tsvertalt\tscellcbpat76\tsbrdrt\tsbrdrl\tsbrdrb\tsbrdrr\tsbrdrdgl\tsbrdrdgr\tsbrdrh\tsbrdrv 
\ql \li0\ri0\widctlpar\wrapdefault\aspalpha\aspnum\faauto\adjustright\rin0\lin0\itap0 \rtlch\fcs1 \af31507\afs22\alang1025 \ltrch\fcs0 \f31506\fs22\lang1033\langfe1033\cgrid\langnp1033\langfenp1033 
\sbasedon11 \snext300 \ssemihidden \sunhideused \spriority69 \styrsid15940483 Medium Grid 3 Accent 5;}{\*\ts300\tsrowd\tscellcfpat0\tscellcbpat17\tscellpct0\tsbrdrt\brdrs\brdrw20\brdrcf22 \tsbrdrl\brdrs\brdrw20\brdrcf22 \tsbrdrb\brdrs\brdrw60\brdrcf22 
\tsbrdrr\brdrs\brdrw20\brdrcf22 \tsbrdrh\brdrnone \tsbrdrv\brdrs\brdrw20\brdrcf22 \rtlch\fcs1 \ab\ai0\af31507 \ltrch\fcs0 \b\i0\cf22 \tscfirstrow Medium Grid 3 Accent 5;}{\*\ts300\tsrowd\tscellcfpat0\tscellcbpat17\tscellpct0\tsbrdrt
\brdrs\brdrw60\brdrcf22 \tsbrdrl\brdrs\brdrw20\brdrcf22 \tsbrdrb\brdrs\brdrw20\brdrcf22 \tsbrdrr\brdrs\brdrw20\brdrcf22 \tsbrdrh\brdrnone \tsbrdrv\brdrs\brdrw20\brdrcf22 \rtlch\fcs1 \ab\ai0\af31507 \ltrch\fcs0 \b\i0\cf22 \tsclastrow 
Medium Grid 3 Accent 5;}{\*\ts300\tsrowd\tscellcfpat0\tscellcbpat17\tscellpct0\tsbrdrl\brdrs\brdrw20\brdrcf22 \tsbrdrr\brdrs\brdrw60\brdrcf22 \tsbrdrh\brdrnone \tsbrdrv\brdrnone \rtlch\fcs1 \ab\ai0\af31507 \ltrch\fcs0 \b\i0\cf22 \tscfirstcol 
Medium Grid 3 Accent 5;}{\*\ts300\tsrowd\tscellcfpat0\tscellcbpat17\tscellpct0\tsbrdrt\brdrnone \tsbrdrl\brdrs\brdrw60\brdrcf22 \tsbrdrb\brdrnone \tsbrdrr\brdrnone \tsbrdrh\brdrnone \tsbrdrv\brdrnone \rtlch\fcs1 \ab\ai0\af31507 \ltrch\fcs0 \b\i0\cf22 
\tsclastcol Medium Grid 3 Accent 5;}{\*\ts300\tsrowd\tscellcfpat0\tscellcbpat57\tscellpct0\tsbrdrt\brdrs\brdrw20\brdrcf22 \tsbrdrl\brdrs\brdrw20\brdrcf22 \tsbrdrb\brdrs\brdrw20\brdrcf22 \tsbrdrr\brdrs\brdrw20\brdrcf22 \tsbrdrh\brdrnone \tsbrdrv\brdrnone 
\rtlch\fcs1 \af31507 \ltrch\fcs0 \tscbandvertodd Medium Grid 3 Accent 5;}{\*\ts300\tsrowd\tscellcfpat0\tscellcbpat57\tscellpct0\tsbrdrt\brdrs\brdrw20\brdrcf22 \tsbrdrl\brdrs\brdrw20\brdrcf22 \tsbrdrb\brdrs\brdrw20\brdrcf22 \tsbrdrr\brdrs\brdrw20\brdrcf22 
\tsbrdrh\brdrs\brdrw20\brdrcf22 \tsbrdrv\brdrs\brdrw20\brdrcf22 \rtlch\fcs1 \af31507 \ltrch\fcs0 \tscbandhorzodd Medium Grid 3 Accent 5;}{\*\ts301\tsrowd\trbrdrt\brdrs\brdrw20\brdrcf22 \trbrdrl\brdrs\brdrw20\brdrcf22 \trbrdrb\brdrs\brdrw20\brdrcf22 
\trbrdrr\brdrs\brdrw20\brdrcf22 \trbrdrh\brdrs\brdrw15\brdrcf22 \trbrdrv\brdrs\brdrw15\brdrcf22 
\trftsWidthB3\trpaddl108\trpaddr108\trpaddfl3\trpaddft3\trpaddfb3\trpaddfr3\tscbandsh1\tscbandsv1\tblind0\tblindtype3\tsvertalt\tscellcbpat79\tsbrdrt\tsbrdrl\tsbrdrb\tsbrdrr\tsbrdrdgl\tsbrdrdgr\tsbrdrh\tsbrdrv 
\ql \li0\ri0\widctlpar\wrapdefault\aspalpha\aspnum\faauto\adjustright\rin0\lin0\itap0 \rtlch\fcs1 \af31507\afs22\alang1025 \ltrch\fcs0 \f31506\fs22\lang1033\langfe1033\cgrid\langnp1033\langfenp1033 
\sbasedon11 \snext301 \ssemihidden \sunhideused \spriority69 \styrsid15940483 Medium Grid 3 Accent 6;}{\*\ts301\tsrowd\tscellcfpat0\tscellcbpat89\tscellpct0\tsbrdrt\brdrs\brdrw20\brdrcf22 \tsbrdrl\brdrs\brdrw20\brdrcf22 \tsbrdrb\brdrs\brdrw60\brdrcf22 
\tsbrdrr\brdrs\brdrw20\brdrcf22 \tsbrdrh\brdrnone \tsbrdrv\brdrs\brdrw20\brdrcf22 \rtlch\fcs1 \ab\ai0\af31507 \ltrch\fcs0 \b\i0\cf22 \tscfirstrow Medium Grid 3 Accent 6;}{\*\ts301\tsrowd\tscellcfpat0\tscellcbpat89\tscellpct0\tsbrdrt
\brdrs\brdrw60\brdrcf22 \tsbrdrl\brdrs\brdrw20\brdrcf22 \tsbrdrb\brdrs\brdrw20\brdrcf22 \tsbrdrr\brdrs\brdrw20\brdrcf22 \tsbrdrh\brdrnone \tsbrdrv\brdrs\brdrw20\brdrcf22 \rtlch\fcs1 \ab\ai0\af31507 \ltrch\fcs0 \b\i0\cf22 \tsclastrow 
Medium Grid 3 Accent 6;}{\*\ts301\tsrowd\tscellcfpat0\tscellcbpat89\tscellpct0\tsbrdrl\brdrs\brdrw20\brdrcf22 \tsbrdrr\brdrs\brdrw60\brdrcf22 \tsbrdrh\brdrnone \tsbrdrv\brdrnone \rtlch\fcs1 \ab\ai0\af31507 \ltrch\fcs0 \b\i0\cf22 \tscfirstcol 
Medium Grid 3 Accent 6;}{\*\ts301\tsrowd\tscellcfpat0\tscellcbpat89\tscellpct0\tsbrdrt\brdrnone \tsbrdrl\brdrs\brdrw60\brdrcf22 \tsbrdrb\brdrnone \tsbrdrr\brdrnone \tsbrdrh\brdrnone \tsbrdrv\brdrnone \rtlch\fcs1 \ab\ai0\af31507 \ltrch\fcs0 \b\i0\cf22 
\tsclastcol Medium Grid 3 Accent 6;}{\*\ts301\tsrowd\tscellcfpat0\tscellcbpat60\tscellpct0\tsbrdrt\brdrs\brdrw20\brdrcf22 \tsbrdrl\brdrs\brdrw20\brdrcf22 \tsbrdrb\brdrs\brdrw20\brdrcf22 \tsbrdrr\brdrs\brdrw20\brdrcf22 \tsbrdrh\brdrnone \tsbrdrv\brdrnone 
\rtlch\fcs1 \af31507 \ltrch\fcs0 \tscbandvertodd Medium Grid 3 Accent 6;}{\*\ts301\tsrowd\tscellcfpat0\tscellcbpat60\tscellpct0\tsbrdrt\brdrs\brdrw20\brdrcf22 \tsbrdrl\brdrs\brdrw20\brdrcf22 \tsbrdrb\brdrs\brdrw20\brdrcf22 \tsbrdrr\brdrs\brdrw20\brdrcf22 
\tsbrdrh\brdrs\brdrw20\brdrcf22 \tsbrdrv\brdrs\brdrw20\brdrcf22 \rtlch\fcs1 \af31507 \ltrch\fcs0 \tscbandhorzodd Medium Grid 3 Accent 6;}{\*\ts302\tsrowd\trbrdrt\brdrs\brdrw20\brdrcf32 \trbrdrb\brdrs\brdrw20\brdrcf3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2 \ssemihidden \sunhideused \spriority65 \styrsid15940483 Medium List 1;}{\*\ts302\tsrowd\tsbrdrt\brdrnone \tsbrdrb\brdrs\brdrw20\brdrcf32 \rtlch\fcs1 \af31503 \ltrch\fcs0 \loch\f31502\hich\af31502\dbch\af31501 \tscfirstrow 
Medium List 1;}{\*\ts302\tsrowd\tsbrdrt\brdrs\brdrw20\brdrcf32 \tsbrdrb\brdrs\brdrw20\brdrcf32 \rtlch\fcs1 \ab\af31507 \ltrch\fcs0 \b\cf38 \tsclastrow Medium List 1;}{\*\ts302\tsrowd \rtlch\fcs1 \ab\af31507 \ltrch\fcs0 \b \tscfirstcol Medium List 1;}{\*
\ts302\tsrowd\tsbrdrt\brdrs\brdrw20\brdrcf32 \tsbrdrb\brdrs\brdrw20\brdrcf32 \rtlch\fcs1 \ab\af31507 \ltrch\fcs0 \b \tsclastcol Medium List 1;}{\*\ts302\tsrowd\tscellcfpat0\tscellcbpat63\tscellpct0 \rtlch\fcs1 \af31507 \ltrch\fcs0 \tscbandvertodd 
Medium List 1;}{\*\ts302\tsrowd\tscellcfpat0\tscellcbpat63\tscellpct0 \rtlch\fcs1 \af31507 \ltrch\fcs0 \tscbandhorzodd Medium List 1;}{\*\ts303\tsrowd\trbrdrt\brdrs\brdrw20\brdrcf82 \trbrdrb\brdrs\brdrw20\brdrcf8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3 \ssemihidden \sunhideused \spriority65 \styrsid15940483 Medium List 1 Accent 1;}{\*\ts303\tsrowd\tsbrdrt\brdrnone \tsbrdrb\brdrs\brdrw20\brdrcf82 \rtlch\fcs1 \af31503 \ltrch\fcs0 \loch\f31502\hich\af31502\dbch\af31501 \tscfirstrow 
Medium List 1 Accent 1;}{\*\ts303\tsrowd\tsbrdrt\brdrs\brdrw20\brdrcf82 \tsbrdrb\brdrs\brdrw20\brdrcf82 \rtlch\fcs1 \ab\af31507 \ltrch\fcs0 \b\cf38 \tsclastrow Medium List 1 Accent 1;}{\*\ts303\tsrowd \rtlch\fcs1 \ab\af31507 \ltrch\fcs0 \b \tscfirstcol 
Medium List 1 Accent 1;}{\*\ts303\tsrowd\tsbrdrt\brdrs\brdrw20\brdrcf82 \tsbrdrb\brdrs\brdrw20\brdrcf82 \rtlch\fcs1 \ab\af31507 \ltrch\fcs0 \b \tsclastcol Medium List 1 Accent 1;}{\*\ts303\tsrowd\tscellcfpat0\tscellcbpat65\tscellpct0 \rtlch\fcs1 \af31507 
\ltrch\fcs0 \tscbandvertodd Medium List 1 Accent 1;}{\*\ts303\tsrowd\tscellcfpat0\tscellcbpat65\tscellpct0 \rtlch\fcs1 \af31507 \ltrch\fcs0 \tscbandhorzodd Medium List 1 Accent 1;}{\*\ts304\tsrowd\trbrdrt\brdrs\brdrw20\brdrcf80 \trbrdrb
\brdrs\brdrw20\brdrcf80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4 \ssemihidden \sunhideused \spriority65 \styrsid15940483 Medium List 1 Accent 2;}{\*\ts304\tsrowd\tsbrdrt\brdrnone \tsbrdrb\brdrs\brdrw20\brdrcf80 \rtlch\fcs1 \af31503 \ltrch\fcs0 \loch\f31502\hich\af31502\dbch\af31501 \tscfirstrow 
Medium List 1 Accent 2;}{\*\ts304\tsrowd\tsbrdrt\brdrs\brdrw20\brdrcf80 \tsbrdrb\brdrs\brdrw20\brdrcf80 \rtlch\fcs1 \ab\af31507 \ltrch\fcs0 \b\cf38 \tsclastrow Medium List 1 Accent 2;}{\*\ts304\tsrowd \rtlch\fcs1 \ab\af31507 \ltrch\fcs0 \b \tscfirstcol 
Medium List 1 Accent 2;}{\*\ts304\tsrowd\tsbrdrt\brdrs\brdrw20\brdrcf80 \tsbrdrb\brdrs\brdrw20\brdrcf80 \rtlch\fcs1 \ab\af31507 \ltrch\fcs0 \b \tsclastcol Medium List 1 Accent 2;}{\*\ts304\tsrowd\tscellcfpat0\tscellcbpat67\tscellpct0 \rtlch\fcs1 \af31507 
\ltrch\fcs0 \tscbandvertodd Medium List 1 Accent 2;}{\*\ts304\tsrowd\tscellcfpat0\tscellcbpat67\tscellpct0 \rtlch\fcs1 \af31507 \ltrch\fcs0 \tscbandhorzodd Medium List 1 Accent 2;}{\*\ts305\tsrowd\trbrdrt\brdrs\brdrw20\brdrcf86 \trbrdrb
\brdrs\brdrw20\brdrcf86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5 \ssemihidden \sunhideused \spriority65 \styrsid15940483 Medium List 1 Accent 3;}{\*\ts305\tsrowd\tsbrdrt\brdrnone \tsbrdrb\brdrs\brdrw20\brdrcf86 \rtlch\fcs1 \af31503 \ltrch\fcs0 \loch\f31502\hich\af31502\dbch\af31501 \tscfirstrow 
Medium List 1 Accent 3;}{\*\ts305\tsrowd\tsbrdrt\brdrs\brdrw20\brdrcf86 \tsbrdrb\brdrs\brdrw20\brdrcf86 \rtlch\fcs1 \ab\af31507 \ltrch\fcs0 \b\cf38 \tsclastrow Medium List 1 Accent 3;}{\*\ts305\tsrowd \rtlch\fcs1 \ab\af31507 \ltrch\fcs0 \b \tscfirstcol 
Medium List 1 Accent 3;}{\*\ts305\tsrowd\tsbrdrt\brdrs\brdrw20\brdrcf86 \tsbrdrb\brdrs\brdrw20\brdrcf86 \rtlch\fcs1 \ab\af31507 \ltrch\fcs0 \b \tsclastcol Medium List 1 Accent 3;}{\*\ts305\tsrowd\tscellcfpat0\tscellcbpat70\tscellpct0 \rtlch\fcs1 \af31507 
\ltrch\fcs0 \tscbandvertodd Medium List 1 Accent 3;}{\*\ts305\tsrowd\tscellcfpat0\tscellcbpat70\tscellpct0 \rtlch\fcs1 \af31507 \ltrch\fcs0 \tscbandhorzodd Medium List 1 Accent 3;}{\*\ts306\tsrowd\trbrdrt\brdrs\brdrw20\brdrcf85 \trbrdrb
\brdrs\brdrw20\brdrcf8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6 \ssemihidden \sunhideused \spriority65 \styrsid15940483 Medium List 1 Accent 4;}{\*\ts306\tsrowd\tsbrdrt\brdrnone \tsbrdrb\brdrs\brdrw20\brdrcf85 \rtlch\fcs1 \af31503 \ltrch\fcs0 \loch\f31502\hich\af31502\dbch\af31501 \tscfirstrow 
Medium List 1 Accent 4;}{\*\ts306\tsrowd\tsbrdrt\brdrs\brdrw20\brdrcf85 \tsbrdrb\brdrs\brdrw20\brdrcf85 \rtlch\fcs1 \ab\af31507 \ltrch\fcs0 \b\cf38 \tsclastrow Medium List 1 Accent 4;}{\*\ts306\tsrowd \rtlch\fcs1 \ab\af31507 \ltrch\fcs0 \b \tscfirstcol 
Medium List 1 Accent 4;}{\*\ts306\tsrowd\tsbrdrt\brdrs\brdrw20\brdrcf85 \tsbrdrb\brdrs\brdrw20\brdrcf85 \rtlch\fcs1 \ab\af31507 \ltrch\fcs0 \b \tsclastcol Medium List 1 Accent 4;}{\*\ts306\tsrowd\tscellcfpat0\tscellcbpat73\tscellpct0 \rtlch\fcs1 \af31507 
\ltrch\fcs0 \tscbandvertodd Medium List 1 Accent 4;}{\*\ts306\tsrowd\tscellcfpat0\tscellcbpat73\tscellpct0 \rtlch\fcs1 \af31507 \ltrch\fcs0 \tscbandhorzodd Medium List 1 Accent 4;}{\*\ts307\tsrowd\trbrdrt\brdrs\brdrw20\brdrcf17 \trbrdrb
\brdrs\brdrw20\brdrcf17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7 \ssemihidden \sunhideused \spriority65 \styrsid15940483 Medium List 1 Accent 5;}{\*\ts307\tsrowd\tsbrdrt\brdrnone \tsbrdrb\brdrs\brdrw20\brdrcf17 \rtlch\fcs1 \af31503 \ltrch\fcs0 \loch\f31502\hich\af31502\dbch\af31501 \tscfirstrow 
Medium List 1 Accent 5;}{\*\ts307\tsrowd\tsbrdrt\brdrs\brdrw20\brdrcf17 \tsbrdrb\brdrs\brdrw20\brdrcf17 \rtlch\fcs1 \ab\af31507 \ltrch\fcs0 \b\cf38 \tsclastrow Medium List 1 Accent 5;}{\*\ts307\tsrowd \rtlch\fcs1 \ab\af31507 \ltrch\fcs0 \b \tscfirstcol 
Medium List 1 Accent 5;}{\*\ts307\tsrowd\tsbrdrt\brdrs\brdrw20\brdrcf17 \tsbrdrb\brdrs\brdrw20\brdrcf17 \rtlch\fcs1 \ab\af31507 \ltrch\fcs0 \b \tsclastcol Medium List 1 Accent 5;}{\*\ts307\tsrowd\tscellcfpat0\tscellcbpat76\tscellpct0 \rtlch\fcs1 \af31507 
\ltrch\fcs0 \tscbandvertodd Medium List 1 Accent 5;}{\*\ts307\tsrowd\tscellcfpat0\tscellcbpat76\tscellpct0 \rtlch\fcs1 \af31507 \ltrch\fcs0 \tscbandhorzodd Medium List 1 Accent 5;}{\*\ts308\tsrowd\trbrdrt\brdrs\brdrw20\brdrcf89 \trbrdrb
\brdrs\brdrw20\brdrcf89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8 \ssemihidden \sunhideused \spriority65 \styrsid15940483 Medium List 1 Accent 6;}{\*\ts308\tsrowd\tsbrdrt\brdrnone \tsbrdrb\brdrs\brdrw20\brdrcf89 \rtlch\fcs1 \af31503 \ltrch\fcs0 \loch\f31502\hich\af31502\dbch\af31501 \tscfirstrow 
Medium List 1 Accent 6;}{\*\ts308\tsrowd\tsbrdrt\brdrs\brdrw20\brdrcf89 \tsbrdrb\brdrs\brdrw20\brdrcf89 \rtlch\fcs1 \ab\af31507 \ltrch\fcs0 \b\cf38 \tsclastrow Medium List 1 Accent 6;}{\*\ts308\tsrowd \rtlch\fcs1 \ab\af31507 \ltrch\fcs0 \b \tscfirstcol 
Medium List 1 Accent 6;}{\*\ts308\tsrowd\tsbrdrt\brdrs\brdrw20\brdrcf89 \tsbrdrb\brdrs\brdrw20\brdrcf89 \rtlch\fcs1 \ab\af31507 \ltrch\fcs0 \b \tsclastcol Medium List 1 Accent 6;}{\*\ts308\tsrowd\tscellcfpat0\tscellcbpat79\tscellpct0 \rtlch\fcs1 \af31507 
\ltrch\fcs0 \tscbandvertodd Medium List 1 Accent 6;}{\*\ts308\tsrowd\tscellcfpat0\tscellcbpat79\tscellpct0 \rtlch\fcs1 \af31507 \ltrch\fcs0 \tscbandhorzodd Medium List 1 Accent 6;}{\*\ts309\tsrowd\trbrdrt\brdrs\brdrw20\brdrcf32 \trbrdrl
\brdrs\brdrw20\brdrcf32 \trbrdrb\brdrs\brdrw20\brdrcf32 \trbrdrr\brdrs\brdrw20\brdrcf32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09 \ssemihidden \sunhideused \spriority66 \styrsid15940483 Medium List 2;}{\*\ts309\tsrowd\tscellcfpat0\tscellcbpat22\tscellpct0\tsbrdrt\brdrnone \tsbrdrl\brdrnone \tsbrdrb\brdrs\brdrw60\brdrcf32 \tsbrdrr\brdrnone \tsbrdrh\brdrnone 
\tsbrdrv\brdrnone \rtlch\fcs1 \af31503\afs24 \ltrch\fcs0 \fs24 \tscfirstrow Medium List 2;}{\*\ts309\tsrowd\tscellcfpat0\tscellcbpat22\tscellpct0\tsbrdrt\brdrnone \tsbrdrl\brdrnone \tsbrdrb\brdrnone \tsbrdrr\brdrnone \tsbrdrh\brdrnone \tsbrdrv\brdrnone 
\rtlch\fcs1 \af31503 \ltrch\fcs0 \tsclastrow Medium List 2;}{\*\ts309\tsrowd\tscellcfpat0\tscellcbpat22\tscellpct0\tsbrdrt\brdrnone \tsbrdrl\brdrnone \tsbrdrb\brdrnone \tsbrdrr\brdrs\brdrw20\brdrcf32 \tsbrdrh\brdrnone \tsbrdrv\brdrnone \rtlch\fcs1 
\af31503 \ltrch\fcs0 \tscfirstcol Medium List 2;}{\*\ts309\tsrowd\tscellcfpat0\tscellcbpat22\tscellpct0\tsbrdrt\brdrnone \tsbrdrl\brdrs\brdrw20\brdrcf32 \tsbrdrb\brdrnone \tsbrdrr\brdrnone \tsbrdrh\brdrnone \tsbrdrv\brdrnone \rtlch\fcs1 \af31503 
\ltrch\fcs0 \tsclastcol Medium List 2;}{\*\ts309\tsrowd\tscellcfpat0\tscellcbpat63\tscellpct0\tsbrdrl\brdrnone \tsbrdrr\brdrnone \tsbrdrh\brdrnone \tsbrdrv\brdrnone \rtlch\fcs1 \af31503 \ltrch\fcs0 \tscbandvertodd Medium List 2;}{\*
\ts309\tsrowd\tscellcfpat0\tscellcbpat63\tscellpct0\tsbrdrt\brdrnone \tsbrdrb\brdrnone \tsbrdrh\brdrnone \tsbrdrv\brdrnone \rtlch\fcs1 \af31503 \ltrch\fcs0 \tscbandhorzodd Medium List 2;}{\*\ts309\tsrowd\tscellcfpat0\tscellcbpat22\tscellpct0 \rtlch\fcs1 
\af31503 \ltrch\fcs0 \tscnwcell Medium List 2;}{\*\ts309\tsrowd\tsbrdrt\brdrnone \rtlch\fcs1 \af31503 \ltrch\fcs0 \tscswcell Medium List 2;}{\*\ts310\tsrowd\trbrdrt\brdrs\brdrw20\brdrcf82 \trbrdrl\brdrs\brdrw20\brdrcf82 \trbrdrb\brdrs\brdrw20\brdrcf82 
\trbrdrr\brdrs\brdrw20\brdrcf82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0 \ssemihidden \sunhideused \spriority66 \styrsid15940483 Medium List 2 Accent 1;}{\*\ts310\tsrowd\tscellcfpat0\tscellcbpat22\tscellpct0\tsbrdrt\brdrnone \tsbrdrl\brdrnone \tsbrdrb\brdrs\brdrw60\brdrcf82 \tsbrdrr\brdrnone \tsbrdrh
\brdrnone \tsbrdrv\brdrnone \rtlch\fcs1 \af31503\afs24 \ltrch\fcs0 \fs24 \tscfirstrow Medium List 2 Accent 1;}{\*\ts310\tsrowd\tscellcfpat0\tscellcbpat22\tscellpct0\tsbrdrt\brdrnone \tsbrdrl\brdrnone \tsbrdrb\brdrnone \tsbrdrr\brdrnone \tsbrdrh\brdrnone 
\tsbrdrv\brdrnone \rtlch\fcs1 \af31503 \ltrch\fcs0 \tsclastrow Medium List 2 Accent 1;}{\*\ts310\tsrowd\tscellcfpat0\tscellcbpat22\tscellpct0\tsbrdrt\brdrnone \tsbrdrl\brdrnone \tsbrdrb\brdrnone \tsbrdrr\brdrs\brdrw20\brdrcf82 \tsbrdrh\brdrnone \tsbrdrv
\brdrnone \rtlch\fcs1 \af31503 \ltrch\fcs0 \tscfirstcol Medium List 2 Accent 1;}{\*\ts310\tsrowd\tscellcfpat0\tscellcbpat22\tscellpct0\tsbrdrt\brdrnone \tsbrdrl\brdrs\brdrw20\brdrcf82 \tsbrdrb\brdrnone \tsbrdrr\brdrnone \tsbrdrh\brdrnone \tsbrdrv
\brdrnone \rtlch\fcs1 \af31503 \ltrch\fcs0 \tsclastcol Medium List 2 Accent 1;}{\*\ts310\tsrowd\tscellcfpat0\tscellcbpat65\tscellpct0\tsbrdrl\brdrnone \tsbrdrr\brdrnone \tsbrdrh\brdrnone \tsbrdrv\brdrnone \rtlch\fcs1 \af31503 \ltrch\fcs0 \tscbandvertodd 
Medium List 2 Accent 1;}{\*\ts310\tsrowd\tscellcfpat0\tscellcbpat65\tscellpct0\tsbrdrt\brdrnone \tsbrdrb\brdrnone \tsbrdrh\brdrnone \tsbrdrv\brdrnone \rtlch\fcs1 \af31503 \ltrch\fcs0 \tscbandhorzodd Medium List 2 Accent 1;}{\*
\ts310\tsrowd\tscellcfpat0\tscellcbpat22\tscellpct0 \rtlch\fcs1 \af31503 \ltrch\fcs0 \tscnwcell Medium List 2 Accent 1;}{\*\ts310\tsrowd\tsbrdrt\brdrnone \rtlch\fcs1 \af31503 \ltrch\fcs0 \tscswcell Medium List 2 Accent 1;}{\*\ts311\tsrowd\trbrdrt
\brdrs\brdrw20\brdrcf80 \trbrdrl\brdrs\brdrw20\brdrcf80 \trbrdrb\brdrs\brdrw20\brdrcf80 \trbrdrr\brdrs\brdrw20\brdrcf80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1 \ssemihidden \sunhideused \spriority66 \styrsid15940483 Medium List 2 Accent 2;}{\*\ts311\tsrowd\tscellcfpat0\tscellcbpat22\tscellpct0\tsbrdrt\brdrnone \tsbrdrl\brdrnone \tsbrdrb\brdrs\brdrw60\brdrcf80 \tsbrdrr\brdrnone \tsbrdrh
\brdrnone \tsbrdrv\brdrnone \rtlch\fcs1 \af31503\afs24 \ltrch\fcs0 \fs24 \tscfirstrow Medium List 2 Accent 2;}{\*\ts311\tsrowd\tscellcfpat0\tscellcbpat22\tscellpct0\tsbrdrt\brdrnone \tsbrdrl\brdrnone \tsbrdrb\brdrnone \tsbrdrr\brdrnone \tsbrdrh\brdrnone 
\tsbrdrv\brdrnone \rtlch\fcs1 \af31503 \ltrch\fcs0 \tsclastrow Medium List 2 Accent 2;}{\*\ts311\tsrowd\tscellcfpat0\tscellcbpat22\tscellpct0\tsbrdrt\brdrnone \tsbrdrl\brdrnone \tsbrdrb\brdrnone \tsbrdrr\brdrs\brdrw20\brdrcf80 \tsbrdrh\brdrnone \tsbrdrv
\brdrnone \rtlch\fcs1 \af31503 \ltrch\fcs0 \tscfirstcol Medium List 2 Accent 2;}{\*\ts311\tsrowd\tscellcfpat0\tscellcbpat22\tscellpct0\tsbrdrt\brdrnone \tsbrdrl\brdrs\brdrw20\brdrcf80 \tsbrdrb\brdrnone \tsbrdrr\brdrnone \tsbrdrh\brdrnone \tsbrdrv
\brdrnone \rtlch\fcs1 \af31503 \ltrch\fcs0 \tsclastcol Medium List 2 Accent 2;}{\*\ts311\tsrowd\tscellcfpat0\tscellcbpat67\tscellpct0\tsbrdrl\brdrnone \tsbrdrr\brdrnone \tsbrdrh\brdrnone \tsbrdrv\brdrnone \rtlch\fcs1 \af31503 \ltrch\fcs0 \tscbandvertodd 
Medium List 2 Accent 2;}{\*\ts311\tsrowd\tscellcfpat0\tscellcbpat67\tscellpct0\tsbrdrt\brdrnone \tsbrdrb\brdrnone \tsbrdrh\brdrnone \tsbrdrv\brdrnone \rtlch\fcs1 \af31503 \ltrch\fcs0 \tscbandhorzodd Medium List 2 Accent 2;}{\*
\ts311\tsrowd\tscellcfpat0\tscellcbpat22\tscellpct0 \rtlch\fcs1 \af31503 \ltrch\fcs0 \tscnwcell Medium List 2 Accent 2;}{\*\ts311\tsrowd\tsbrdrt\brdrnone \rtlch\fcs1 \af31503 \ltrch\fcs0 \tscswcell Medium List 2 Accent 2;}{\*\ts312\tsrowd\trbrdrt
\brdrs\brdrw20\brdrcf86 \trbrdrl\brdrs\brdrw20\brdrcf86 \trbrdrb\brdrs\brdrw20\brdrcf86 \trbrdrr\brdrs\brdrw20\brdrcf86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2 \ssemihidden \sunhideused \spriority66 \styrsid15940483 Medium List 2 Accent 3;}{\*\ts312\tsrowd\tscellcfpat0\tscellcbpat22\tscellpct0\tsbrdrt\brdrnone \tsbrdrl\brdrnone \tsbrdrb\brdrs\brdrw60\brdrcf86 \tsbrdrr\brdrnone \tsbrdrh
\brdrnone \tsbrdrv\brdrnone \rtlch\fcs1 \af31503\afs24 \ltrch\fcs0 \fs24 \tscfirstrow Medium List 2 Accent 3;}{\*\ts312\tsrowd\tscellcfpat0\tscellcbpat22\tscellpct0\tsbrdrt\brdrnone \tsbrdrl\brdrnone \tsbrdrb\brdrnone \tsbrdrr\brdrnone \tsbrdrh\brdrnone 
\tsbrdrv\brdrnone \rtlch\fcs1 \af31503 \ltrch\fcs0 \tsclastrow Medium List 2 Accent 3;}{\*\ts312\tsrowd\tscellcfpat0\tscellcbpat22\tscellpct0\tsbrdrt\brdrnone \tsbrdrl\brdrnone \tsbrdrb\brdrnone \tsbrdrr\brdrs\brdrw20\brdrcf86 \tsbrdrh\brdrnone \tsbrdrv
\brdrnone \rtlch\fcs1 \af31503 \ltrch\fcs0 \tscfirstcol Medium List 2 Accent 3;}{\*\ts312\tsrowd\tscellcfpat0\tscellcbpat22\tscellpct0\tsbrdrt\brdrnone \tsbrdrl\brdrs\brdrw20\brdrcf86 \tsbrdrb\brdrnone \tsbrdrr\brdrnone \tsbrdrh\brdrnone \tsbrdrv
\brdrnone \rtlch\fcs1 \af31503 \ltrch\fcs0 \tsclastcol Medium List 2 Accent 3;}{\*\ts312\tsrowd\tscellcfpat0\tscellcbpat70\tscellpct0\tsbrdrl\brdrnone \tsbrdrr\brdrnone \tsbrdrh\brdrnone \tsbrdrv\brdrnone \rtlch\fcs1 \af31503 \ltrch\fcs0 \tscbandvertodd 
Medium List 2 Accent 3;}{\*\ts312\tsrowd\tscellcfpat0\tscellcbpat70\tscellpct0\tsbrdrt\brdrnone \tsbrdrb\brdrnone \tsbrdrh\brdrnone \tsbrdrv\brdrnone \rtlch\fcs1 \af31503 \ltrch\fcs0 \tscbandhorzodd Medium List 2 Accent 3;}{\*
\ts312\tsrowd\tscellcfpat0\tscellcbpat22\tscellpct0 \rtlch\fcs1 \af31503 \ltrch\fcs0 \tscnwcell Medium List 2 Accent 3;}{\*\ts312\tsrowd\tsbrdrt\brdrnone \rtlch\fcs1 \af31503 \ltrch\fcs0 \tscswcell Medium List 2 Accent 3;}{\*\ts313\tsrowd\trbrdrt
\brdrs\brdrw20\brdrcf85 \trbrdrl\brdrs\brdrw20\brdrcf85 \trbrdrb\brdrs\brdrw20\brdrcf85 \trbrdrr\brdrs\brdrw20\brdrcf85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3 \ssemihidden \sunhideused \spriority66 \styrsid15940483 Medium List 2 Accent 4;}{\*\ts313\tsrowd\tscellcfpat0\tscellcbpat22\tscellpct0\tsbrdrt\brdrnone \tsbrdrl\brdrnone \tsbrdrb\brdrs\brdrw60\brdrcf85 \tsbrdrr\brdrnone \tsbrdrh
\brdrnone \tsbrdrv\brdrnone \rtlch\fcs1 \af31503\afs24 \ltrch\fcs0 \fs24 \tscfirstrow Medium List 2 Accent 4;}{\*\ts313\tsrowd\tscellcfpat0\tscellcbpat22\tscellpct0\tsbrdrt\brdrnone \tsbrdrl\brdrnone \tsbrdrb\brdrnone \tsbrdrr\brdrnone \tsbrdrh\brdrnone 
\tsbrdrv\brdrnone \rtlch\fcs1 \af31503 \ltrch\fcs0 \tsclastrow Medium List 2 Accent 4;}{\*\ts313\tsrowd\tscellcfpat0\tscellcbpat22\tscellpct0\tsbrdrt\brdrnone \tsbrdrl\brdrnone \tsbrdrb\brdrnone \tsbrdrr\brdrs\brdrw20\brdrcf85 \tsbrdrh\brdrnone \tsbrdrv
\brdrnone \rtlch\fcs1 \af31503 \ltrch\fcs0 \tscfirstcol Medium List 2 Accent 4;}{\*\ts313\tsrowd\tscellcfpat0\tscellcbpat22\tscellpct0\tsbrdrt\brdrnone \tsbrdrl\brdrs\brdrw20\brdrcf85 \tsbrdrb\brdrnone \tsbrdrr\brdrnone \tsbrdrh\brdrnone \tsbrdrv
\brdrnone \rtlch\fcs1 \af31503 \ltrch\fcs0 \tsclastcol Medium List 2 Accent 4;}{\*\ts313\tsrowd\tscellcfpat0\tscellcbpat73\tscellpct0\tsbrdrl\brdrnone \tsbrdrr\brdrnone \tsbrdrh\brdrnone \tsbrdrv\brdrnone \rtlch\fcs1 \af31503 \ltrch\fcs0 \tscbandvertodd 
Medium List 2 Accent 4;}{\*\ts313\tsrowd\tscellcfpat0\tscellcbpat73\tscellpct0\tsbrdrt\brdrnone \tsbrdrb\brdrnone \tsbrdrh\brdrnone \tsbrdrv\brdrnone \rtlch\fcs1 \af31503 \ltrch\fcs0 \tscbandhorzodd Medium List 2 Accent 4;}{\*
\ts313\tsrowd\tscellcfpat0\tscellcbpat22\tscellpct0 \rtlch\fcs1 \af31503 \ltrch\fcs0 \tscnwcell Medium List 2 Accent 4;}{\*\ts313\tsrowd\tsbrdrt\brdrnone \rtlch\fcs1 \af31503 \ltrch\fcs0 \tscswcell Medium List 2 Accent 4;}{\*\ts314\tsrowd\trbrdrt
\brdrs\brdrw20\brdrcf17 \trbrdrl\brdrs\brdrw20\brdrcf17 \trbrdrb\brdrs\brdrw20\brdrcf17 \trbrdrr\brdrs\brdrw20\brdrcf17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4 \ssemihidden \sunhideused \spriority66 \styrsid15940483 Medium List 2 Accent 5;}{\*\ts314\tsrowd\tscellcfpat0\tscellcbpat22\tscellpct0\tsbrdrt\brdrnone \tsbrdrl\brdrnone \tsbrdrb\brdrs\brdrw60\brdrcf17 \tsbrdrr\brdrnone \tsbrdrh
\brdrnone \tsbrdrv\brdrnone \rtlch\fcs1 \af31503\afs24 \ltrch\fcs0 \fs24 \tscfirstrow Medium List 2 Accent 5;}{\*\ts314\tsrowd\tscellcfpat0\tscellcbpat22\tscellpct0\tsbrdrt\brdrnone \tsbrdrl\brdrnone \tsbrdrb\brdrnone \tsbrdrr\brdrnone \tsbrdrh\brdrnone 
\tsbrdrv\brdrnone \rtlch\fcs1 \af31503 \ltrch\fcs0 \tsclastrow Medium List 2 Accent 5;}{\*\ts314\tsrowd\tscellcfpat0\tscellcbpat22\tscellpct0\tsbrdrt\brdrnone \tsbrdrl\brdrnone \tsbrdrb\brdrnone \tsbrdrr\brdrs\brdrw20\brdrcf17 \tsbrdrh\brdrnone \tsbrdrv
\brdrnone \rtlch\fcs1 \af31503 \ltrch\fcs0 \tscfirstcol Medium List 2 Accent 5;}{\*\ts314\tsrowd\tscellcfpat0\tscellcbpat22\tscellpct0\tsbrdrt\brdrnone \tsbrdrl\brdrs\brdrw20\brdrcf17 \tsbrdrb\brdrnone \tsbrdrr\brdrnone \tsbrdrh\brdrnone \tsbrdrv
\brdrnone \rtlch\fcs1 \af31503 \ltrch\fcs0 \tsclastcol Medium List 2 Accent 5;}{\*\ts314\tsrowd\tscellcfpat0\tscellcbpat76\tscellpct0\tsbrdrl\brdrnone \tsbrdrr\brdrnone \tsbrdrh\brdrnone \tsbrdrv\brdrnone \rtlch\fcs1 \af31503 \ltrch\fcs0 \tscbandvertodd 
Medium List 2 Accent 5;}{\*\ts314\tsrowd\tscellcfpat0\tscellcbpat76\tscellpct0\tsbrdrt\brdrnone \tsbrdrb\brdrnone \tsbrdrh\brdrnone \tsbrdrv\brdrnone \rtlch\fcs1 \af31503 \ltrch\fcs0 \tscbandhorzodd Medium List 2 Accent 5;}{\*
\ts314\tsrowd\tscellcfpat0\tscellcbpat22\tscellpct0 \rtlch\fcs1 \af31503 \ltrch\fcs0 \tscnwcell Medium List 2 Accent 5;}{\*\ts314\tsrowd\tsbrdrt\brdrnone \rtlch\fcs1 \af31503 \ltrch\fcs0 \tscswcell Medium List 2 Accent 5;}{\*\ts315\tsrowd\trbrdrt
\brdrs\brdrw20\brdrcf89 \trbrdrl\brdrs\brdrw20\brdrcf89 \trbrdrb\brdrs\brdrw20\brdrcf89 \trbrdrr\brdrs\brdrw20\brdrcf89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5 \ssemihidden \sunhideused \spriority66 \styrsid15940483 Medium List 2 Accent 6;}{\*\ts315\tsrowd\tscellcfpat0\tscellcbpat22\tscellpct0\tsbrdrt\brdrnone \tsbrdrl\brdrnone \tsbrdrb\brdrs\brdrw60\brdrcf89 \tsbrdrr\brdrnone \tsbrdrh
\brdrnone \tsbrdrv\brdrnone \rtlch\fcs1 \af31503\afs24 \ltrch\fcs0 \fs24 \tscfirstrow Medium List 2 Accent 6;}{\*\ts315\tsrowd\tscellcfpat0\tscellcbpat22\tscellpct0\tsbrdrt\brdrnone \tsbrdrl\brdrnone \tsbrdrb\brdrnone \tsbrdrr\brdrnone \tsbrdrh\brdrnone 
\tsbrdrv\brdrnone \rtlch\fcs1 \af31503 \ltrch\fcs0 \tsclastrow Medium List 2 Accent 6;}{\*\ts315\tsrowd\tscellcfpat0\tscellcbpat22\tscellpct0\tsbrdrt\brdrnone \tsbrdrl\brdrnone \tsbrdrb\brdrnone \tsbrdrr\brdrs\brdrw20\brdrcf89 \tsbrdrh\brdrnone \tsbrdrv
\brdrnone \rtlch\fcs1 \af31503 \ltrch\fcs0 \tscfirstcol Medium List 2 Accent 6;}{\*\ts315\tsrowd\tscellcfpat0\tscellcbpat22\tscellpct0\tsbrdrt\brdrnone \tsbrdrl\brdrs\brdrw20\brdrcf89 \tsbrdrb\brdrnone \tsbrdrr\brdrnone \tsbrdrh\brdrnone \tsbrdrv
\brdrnone \rtlch\fcs1 \af31503 \ltrch\fcs0 \tsclastcol Medium List 2 Accent 6;}{\*\ts315\tsrowd\tscellcfpat0\tscellcbpat79\tscellpct0\tsbrdrl\brdrnone \tsbrdrr\brdrnone \tsbrdrh\brdrnone \tsbrdrv\brdrnone \rtlch\fcs1 \af31503 \ltrch\fcs0 \tscbandvertodd 
Medium List 2 Accent 6;}{\*\ts315\tsrowd\tscellcfpat0\tscellcbpat79\tscellpct0\tsbrdrt\brdrnone \tsbrdrb\brdrnone \tsbrdrh\brdrnone \tsbrdrv\brdrnone \rtlch\fcs1 \af31503 \ltrch\fcs0 \tscbandhorzodd Medium List 2 Accent 6;}{\*
\ts315\tsrowd\tscellcfpat0\tscellcbpat22\tscellpct0 \rtlch\fcs1 \af31503 \ltrch\fcs0 \tscnwcell Medium List 2 Accent 6;}{\*\ts315\tsrowd\tsbrdrt\brdrnone \rtlch\fcs1 \af31503 \ltrch\fcs0 \tscswcell Medium List 2 Accent 6;}{\*\ts316\tsrowd\trbrdrt
\brdrs\brdrw20\brdrcf23 \trbrdrl\brdrs\brdrw20\brdrcf23 \trbrdrb\brdrs\brdrw20\brdrcf23 \trbrdrr\brdrs\brdrw20\brdrcf23 \trbrdrh\brdrs\brdrw20\brdrcf23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16 \ssemihidden \sunhideused \spriority63 \styrsid15940483 Medium Shading 1;}{\*\ts316\tsrowd\tscellcfpat0\tscellcbpat32\tscellpct0\tsbrdrt\brdrs\brdrw20\brdrcf23 \tsbrdrl\brdrs\brdrw20\brdrcf23 \tsbrdrb\brdrs\brdrw20\brdrcf23 \tsbrdrr
\brdrs\brdrw20\brdrcf23 \tsbrdrh\brdrnone \tsbrdrv\brdrnone \sb0\sa0 \rtlch\fcs1 \ab\af31507 \ltrch\fcs0 \b\cf22 \tscfirstrow Medium Shading 1;}{\*\ts316\tsrowd\tsbrdrt\brdrdb\brdrw15\brdrcf23 \tsbrdrl\brdrs\brdrw20\brdrcf23 \tsbrdrb
\brdrs\brdrw20\brdrcf23 \tsbrdrr\brdrs\brdrw20\brdrcf23 \tsbrdrh\brdrnone \tsbrdrv\brdrnone \sb0\sa0 \rtlch\fcs1 \ab\af31507 \ltrch\fcs0 \b \tsclastrow Medium Shading 1;}{\*\ts316\tsrowd \rtlch\fcs1 \ab\af31507 \ltrch\fcs0 \b \tscfirstcol 
Medium Shading 1;}{\*\ts316\tsrowd \rtlch\fcs1 \ab\af31507 \ltrch\fcs0 \b \tsclastcol Medium Shading 1;}{\*\ts316\tsrowd\tscellcfpat0\tscellcbpat63\tscellpct0 \rtlch\fcs1 \af31507 \ltrch\fcs0 \tscbandvertodd Medium Shading 1;}{\*
\ts316\tsrowd\tscellcfpat0\tscellcbpat63\tscellpct0\tsbrdrh\brdrnone \tsbrdrv\brdrnone \rtlch\fcs1 \af31507 \ltrch\fcs0 \tscbandhorzodd Medium Shading 1;}{\*\ts316\tsrowd\tsbrdrh\brdrnone \tsbrdrv\brdrnone \rtlch\fcs1 \af31507 \ltrch\fcs0 
\tscbandhorzeven Medium Shading 1;}{\*\ts317\tsrowd\trbrdrt\brdrs\brdrw20\brdrcf101 \trbrdrl\brdrs\brdrw20\brdrcf101 \trbrdrb\brdrs\brdrw20\brdrcf101 \trbrdrr\brdrs\brdrw20\brdrcf101 \trbrdrh\brdrs\brdrw20\brdrcf101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17 \ssemihidden \sunhideused \spriority63 \styrsid15940483 Medium Shading 1 Accent 1;}{\*\ts317\tsrowd\tscellcfpat0\tscellcbpat82\tscellpct0\tsbrdrt\brdrs\brdrw20\brdrcf101 \tsbrdrl\brdrs\brdrw20\brdrcf101 \tsbrdrb
\brdrs\brdrw20\brdrcf101 \tsbrdrr\brdrs\brdrw20\brdrcf101 \tsbrdrh\brdrnone \tsbrdrv\brdrnone \sb0\sa0 \rtlch\fcs1 \ab\af31507 \ltrch\fcs0 \b\cf22 \tscfirstrow Medium Shading 1 Accent 1;}{\*\ts317\tsrowd\tsbrdrt\brdrdb\brdrw15\brdrcf101 \tsbrdrl
\brdrs\brdrw20\brdrcf101 \tsbrdrb\brdrs\brdrw20\brdrcf101 \tsbrdrr\brdrs\brdrw20\brdrcf101 \tsbrdrh\brdrnone \tsbrdrv\brdrnone \sb0\sa0 \rtlch\fcs1 \ab\af31507 \ltrch\fcs0 \b \tsclastrow Medium Shading 1 Accent 1;}{\*\ts317\tsrowd \rtlch\fcs1 \ab\af31507 
\ltrch\fcs0 \b \tscfirstcol Medium Shading 1 Accent 1;}{\*\ts317\tsrowd \rtlch\fcs1 \ab\af31507 \ltrch\fcs0 \b \tsclastcol Medium Shading 1 Accent 1;}{\*\ts317\tsrowd\tscellcfpat0\tscellcbpat65\tscellpct0 \rtlch\fcs1 \af31507 \ltrch\fcs0 \tscbandvertodd 
Medium Shading 1 Accent 1;}{\*\ts317\tsrowd\tscellcfpat0\tscellcbpat65\tscellpct0\tsbrdrh\brdrnone \tsbrdrv\brdrnone \rtlch\fcs1 \af31507 \ltrch\fcs0 \tscbandhorzodd Medium Shading 1 Accent 1;}{\*\ts317\tsrowd\tsbrdrh\brdrnone \tsbrdrv\brdrnone 
\rtlch\fcs1 \af31507 \ltrch\fcs0 \tscbandhorzeven Medium Shading 1 Accent 1;}{\*\ts318\tsrowd\trbrdrt\brdrs\brdrw20\brdrcf102 \trbrdrl\brdrs\brdrw20\brdrcf102 \trbrdrb\brdrs\brdrw20\brdrcf102 \trbrdrr\brdrs\brdrw20\brdrcf102 \trbrdrh
\brdrs\brdrw20\brdrcf10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18 \ssemihidden \sunhideused \spriority63 \styrsid15940483 Medium Shading 1 Accent 2;}{\*\ts318\tsrowd\tscellcfpat0\tscellcbpat80\tscellpct0\tsbrdrt\brdrs\brdrw20\brdrcf102 \tsbrdrl\brdrs\brdrw20\brdrcf102 \tsbrdrb
\brdrs\brdrw20\brdrcf102 \tsbrdrr\brdrs\brdrw20\brdrcf102 \tsbrdrh\brdrnone \tsbrdrv\brdrnone \sb0\sa0 \rtlch\fcs1 \ab\af31507 \ltrch\fcs0 \b\cf22 \tscfirstrow Medium Shading 1 Accent 2;}{\*\ts318\tsrowd\tsbrdrt\brdrdb\brdrw15\brdrcf102 \tsbrdrl
\brdrs\brdrw20\brdrcf102 \tsbrdrb\brdrs\brdrw20\brdrcf102 \tsbrdrr\brdrs\brdrw20\brdrcf102 \tsbrdrh\brdrnone \tsbrdrv\brdrnone \sb0\sa0 \rtlch\fcs1 \ab\af31507 \ltrch\fcs0 \b \tsclastrow Medium Shading 1 Accent 2;}{\*\ts318\tsrowd \rtlch\fcs1 \ab\af31507 
\ltrch\fcs0 \b \tscfirstcol Medium Shading 1 Accent 2;}{\*\ts318\tsrowd \rtlch\fcs1 \ab\af31507 \ltrch\fcs0 \b \tsclastcol Medium Shading 1 Accent 2;}{\*\ts318\tsrowd\tscellcfpat0\tscellcbpat67\tscellpct0 \rtlch\fcs1 \af31507 \ltrch\fcs0 \tscbandvertodd 
Medium Shading 1 Accent 2;}{\*\ts318\tsrowd\tscellcfpat0\tscellcbpat67\tscellpct0\tsbrdrh\brdrnone \tsbrdrv\brdrnone \rtlch\fcs1 \af31507 \ltrch\fcs0 \tscbandhorzodd Medium Shading 1 Accent 2;}{\*\ts318\tsrowd\tsbrdrh\brdrnone \tsbrdrv\brdrnone 
\rtlch\fcs1 \af31507 \ltrch\fcs0 \tscbandhorzeven Medium Shading 1 Accent 2;}{\*\ts319\tsrowd\trbrdrt\brdrs\brdrw20\brdrcf103 \trbrdrl\brdrs\brdrw20\brdrcf103 \trbrdrb\brdrs\brdrw20\brdrcf103 \trbrdrr\brdrs\brdrw20\brdrcf103 \trbrdrh
\brdrs\brdrw20\brdrcf103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19 \ssemihidden \sunhideused \spriority63 \styrsid15940483 Medium Shading 1 Accent 3;}{\*\ts319\tsrowd\tscellcfpat0\tscellcbpat86\tscellpct0\tsbrdrt\brdrs\brdrw20\brdrcf103 \tsbrdrl\brdrs\brdrw20\brdrcf103 \tsbrdrb
\brdrs\brdrw20\brdrcf103 \tsbrdrr\brdrs\brdrw20\brdrcf103 \tsbrdrh\brdrnone \tsbrdrv\brdrnone \sb0\sa0 \rtlch\fcs1 \ab\af31507 \ltrch\fcs0 \b\cf22 \tscfirstrow Medium Shading 1 Accent 3;}{\*\ts319\tsrowd\tsbrdrt\brdrdb\brdrw15\brdrcf103 \tsbrdrl
\brdrs\brdrw20\brdrcf103 \tsbrdrb\brdrs\brdrw20\brdrcf103 \tsbrdrr\brdrs\brdrw20\brdrcf103 \tsbrdrh\brdrnone \tsbrdrv\brdrnone \sb0\sa0 \rtlch\fcs1 \ab\af31507 \ltrch\fcs0 \b \tsclastrow Medium Shading 1 Accent 3;}{\*\ts319\tsrowd \rtlch\fcs1 \ab\af31507 
\ltrch\fcs0 \b \tscfirstcol Medium Shading 1 Accent 3;}{\*\ts319\tsrowd \rtlch\fcs1 \ab\af31507 \ltrch\fcs0 \b \tsclastcol Medium Shading 1 Accent 3;}{\*\ts319\tsrowd\tscellcfpat0\tscellcbpat70\tscellpct0 \rtlch\fcs1 \af31507 \ltrch\fcs0 \tscbandvertodd 
Medium Shading 1 Accent 3;}{\*\ts319\tsrowd\tscellcfpat0\tscellcbpat70\tscellpct0\tsbrdrh\brdrnone \tsbrdrv\brdrnone \rtlch\fcs1 \af31507 \ltrch\fcs0 \tscbandhorzodd Medium Shading 1 Accent 3;}{\*\ts319\tsrowd\tsbrdrh\brdrnone \tsbrdrv\brdrnone 
\rtlch\fcs1 \af31507 \ltrch\fcs0 \tscbandhorzeven Medium Shading 1 Accent 3;}{\*\ts320\tsrowd\trbrdrt\brdrs\brdrw20\brdrcf104 \trbrdrl\brdrs\brdrw20\brdrcf104 \trbrdrb\brdrs\brdrw20\brdrcf104 \trbrdrr\brdrs\brdrw20\brdrcf104 \trbrdrh
\brdrs\brdrw20\brdrcf104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0 \ssemihidden \sunhideused \spriority63 \styrsid15940483 Medium Shading 1 Accent 4;}{\*\ts320\tsrowd\tscellcfpat0\tscellcbpat85\tscellpct0\tsbrdrt\brdrs\brdrw20\brdrcf104 \tsbrdrl\brdrs\brdrw20\brdrcf104 \tsbrdrb
\brdrs\brdrw20\brdrcf104 \tsbrdrr\brdrs\brdrw20\brdrcf104 \tsbrdrh\brdrnone \tsbrdrv\brdrnone \sb0\sa0 \rtlch\fcs1 \ab\af31507 \ltrch\fcs0 \b\cf22 \tscfirstrow Medium Shading 1 Accent 4;}{\*\ts320\tsrowd\tsbrdrt\brdrdb\brdrw15\brdrcf104 \tsbrdrl
\brdrs\brdrw20\brdrcf104 \tsbrdrb\brdrs\brdrw20\brdrcf104 \tsbrdrr\brdrs\brdrw20\brdrcf104 \tsbrdrh\brdrnone \tsbrdrv\brdrnone \sb0\sa0 \rtlch\fcs1 \ab\af31507 \ltrch\fcs0 \b \tsclastrow Medium Shading 1 Accent 4;}{\*\ts320\tsrowd \rtlch\fcs1 \ab\af31507 
\ltrch\fcs0 \b \tscfirstcol Medium Shading 1 Accent 4;}{\*\ts320\tsrowd \rtlch\fcs1 \ab\af31507 \ltrch\fcs0 \b \tsclastcol Medium Shading 1 Accent 4;}{\*\ts320\tsrowd\tscellcfpat0\tscellcbpat73\tscellpct0 \rtlch\fcs1 \af31507 \ltrch\fcs0 \tscbandvertodd 
Medium Shading 1 Accent 4;}{\*\ts320\tsrowd\tscellcfpat0\tscellcbpat73\tscellpct0\tsbrdrh\brdrnone \tsbrdrv\brdrnone \rtlch\fcs1 \af31507 \ltrch\fcs0 \tscbandhorzodd Medium Shading 1 Accent 4;}{\*\ts320\tsrowd\tsbrdrh\brdrnone \tsbrdrv\brdrnone 
\rtlch\fcs1 \af31507 \ltrch\fcs0 \tscbandhorzeven Medium Shading 1 Accent 4;}{\*\ts321\tsrowd\trbrdrt\brdrs\brdrw20\brdrcf105 \trbrdrl\brdrs\brdrw20\brdrcf105 \trbrdrb\brdrs\brdrw20\brdrcf105 \trbrdrr\brdrs\brdrw20\brdrcf105 \trbrdrh
\brdrs\brdrw20\brdrcf10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1 \ssemihidden \sunhideused \spriority63 \styrsid15940483 Medium Shading 1 Accent 5;}{\*\ts321\tsrowd\tscellcfpat0\tscellcbpat17\tscellpct0\tsbrdrt\brdrs\brdrw20\brdrcf105 \tsbrdrl\brdrs\brdrw20\brdrcf105 \tsbrdrb
\brdrs\brdrw20\brdrcf105 \tsbrdrr\brdrs\brdrw20\brdrcf105 \tsbrdrh\brdrnone \tsbrdrv\brdrnone \sb0\sa0 \rtlch\fcs1 \ab\af31507 \ltrch\fcs0 \b\cf22 \tscfirstrow Medium Shading 1 Accent 5;}{\*\ts321\tsrowd\tsbrdrt\brdrdb\brdrw15\brdrcf105 \tsbrdrl
\brdrs\brdrw20\brdrcf105 \tsbrdrb\brdrs\brdrw20\brdrcf105 \tsbrdrr\brdrs\brdrw20\brdrcf105 \tsbrdrh\brdrnone \tsbrdrv\brdrnone \sb0\sa0 \rtlch\fcs1 \ab\af31507 \ltrch\fcs0 \b \tsclastrow Medium Shading 1 Accent 5;}{\*\ts321\tsrowd \rtlch\fcs1 \ab\af31507 
\ltrch\fcs0 \b \tscfirstcol Medium Shading 1 Accent 5;}{\*\ts321\tsrowd \rtlch\fcs1 \ab\af31507 \ltrch\fcs0 \b \tsclastcol Medium Shading 1 Accent 5;}{\*\ts321\tsrowd\tscellcfpat0\tscellcbpat76\tscellpct0 \rtlch\fcs1 \af31507 \ltrch\fcs0 \tscbandvertodd 
Medium Shading 1 Accent 5;}{\*\ts321\tsrowd\tscellcfpat0\tscellcbpat76\tscellpct0\tsbrdrh\brdrnone \tsbrdrv\brdrnone \rtlch\fcs1 \af31507 \ltrch\fcs0 \tscbandhorzodd Medium Shading 1 Accent 5;}{\*\ts321\tsrowd\tsbrdrh\brdrnone \tsbrdrv\brdrnone 
\rtlch\fcs1 \af31507 \ltrch\fcs0 \tscbandhorzeven Medium Shading 1 Accent 5;}{\*\ts322\tsrowd\trbrdrt\brdrs\brdrw20\brdrcf106 \trbrdrl\brdrs\brdrw20\brdrcf106 \trbrdrb\brdrs\brdrw20\brdrcf106 \trbrdrr\brdrs\brdrw20\brdrcf106 \trbrdrh
\brdrs\brdrw20\brdrcf106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2 \ssemihidden \sunhideused \spriority63 \styrsid15940483 Medium Shading 1 Accent 6;}{\*\ts322\tsrowd\tscellcfpat0\tscellcbpat89\tscellpct0\tsbrdrt\brdrs\brdrw20\brdrcf106 \tsbrdrl\brdrs\brdrw20\brdrcf106 \tsbrdrb
\brdrs\brdrw20\brdrcf106 \tsbrdrr\brdrs\brdrw20\brdrcf106 \tsbrdrh\brdrnone \tsbrdrv\brdrnone \sb0\sa0 \rtlch\fcs1 \ab\af31507 \ltrch\fcs0 \b\cf22 \tscfirstrow Medium Shading 1 Accent 6;}{\*\ts322\tsrowd\tsbrdrt\brdrdb\brdrw15\brdrcf106 \tsbrdrl
\brdrs\brdrw20\brdrcf106 \tsbrdrb\brdrs\brdrw20\brdrcf106 \tsbrdrr\brdrs\brdrw20\brdrcf106 \tsbrdrh\brdrnone \tsbrdrv\brdrnone \sb0\sa0 \rtlch\fcs1 \ab\af31507 \ltrch\fcs0 \b \tsclastrow Medium Shading 1 Accent 6;}{\*\ts322\tsrowd \rtlch\fcs1 \ab\af31507 
\ltrch\fcs0 \b \tscfirstcol Medium Shading 1 Accent 6;}{\*\ts322\tsrowd \rtlch\fcs1 \ab\af31507 \ltrch\fcs0 \b \tsclastcol Medium Shading 1 Accent 6;}{\*\ts322\tsrowd\tscellcfpat0\tscellcbpat79\tscellpct0 \rtlch\fcs1 \af31507 \ltrch\fcs0 \tscbandvertodd 
Medium Shading 1 Accent 6;}{\*\ts322\tsrowd\tscellcfpat0\tscellcbpat79\tscellpct0\tsbrdrh\brdrnone \tsbrdrv\brdrnone \rtlch\fcs1 \af31507 \ltrch\fcs0 \tscbandhorzodd Medium Shading 1 Accent 6;}{\*\ts322\tsrowd\tsbrdrh\brdrnone \tsbrdrv\brdrnone 
\rtlch\fcs1 \af31507 \ltrch\fcs0 \tscbandhorzeven Medium Shading 1 Accent 6;}{\*\ts323\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3 \ssemihidden \sunhideused \spriority64 \styrsid15940483 Medium Shading 2;}{\*\ts323\tsrowd\tscellcfpat0\tscellcbpat32\tscellpct0\tsbrdrt\brdrs\brdrw45 \tsbrdrl\brdrnone \tsbrdrb\brdrs\brdrw45 \tsbrdrr\brdrnone \tsbrdrh\brdrnone 
\tsbrdrv\brdrnone \sb0\sa0 \rtlch\fcs1 \ab\af31507 \ltrch\fcs0 \b\cf22 \tscfirstrow Medium Shading 2;}{\*\ts323\tsrowd\tscellcfpat0\tscellcbpat22\tscellpct0\tsbrdrt\brdrdb\brdrw15 \tsbrdrl\brdrnone \tsbrdrb\brdrs\brdrw45 \tsbrdrr\brdrnone \tsbrdrh
\brdrnone \tsbrdrv\brdrnone \sb0\sa0 \rtlch\fcs1 \af31507 \ltrch\fcs0 \cf0 \tsclastrow Medium Shading 2;}{\*\ts323\tsrowd\tscellcfpat0\tscellcbpat32\tscellpct0\tsbrdrt\brdrnone \tsbrdrl\brdrnone \tsbrdrb\brdrnone \tsbrdrr\brdrnone \tsbrdrh\brdrnone 
\tsbrdrv\brdrnone \rtlch\fcs1 \ab\af31507 \ltrch\fcs0 \b\cf22 \tscfirstcol Medium Shading 2;}{\*\ts323\tsrowd\tscellcfpat0\tscellcbpat32\tscellpct0\tsbrdrl\brdrnone \tsbrdrr\brdrnone \tsbrdrh\brdrnone \tsbrdrv\brdrnone \rtlch\fcs1 \ab\af31507 \ltrch\fcs0 
\b\cf22 \tsclastcol Medium Shading 2;}{\*\ts323\tsrowd\tscellcfpat0\tscellcbpat107\tscellpct0\tsbrdrl\brdrnone \tsbrdrr\brdrnone \tsbrdrh\brdrnone \tsbrdrv\brdrnone \rtlch\fcs1 \af31507 \ltrch\fcs0 \tscbandvertodd Medium Shading 2;}{\*
\ts323\tsrowd\tscellcfpat0\tscellcbpat107\tscellpct0 \rtlch\fcs1 \af31507 \ltrch\fcs0 \tscbandhorzodd Medium Shading 2;}{\*\ts323\tsrowd\tsbrdrt\brdrs\brdrw45 \tsbrdrl\brdrnone \tsbrdrb\brdrnone \tsbrdrr\brdrnone \tsbrdrh\brdrnone \tsbrdrv\brdrnone 
\rtlch\fcs1 \af31507 \ltrch\fcs0 \tscnecell Medium Shading 2;}{\*\ts323\tsrowd\tsbrdrt\brdrs\brdrw45 \tsbrdrl\brdrnone \tsbrdrb\brdrnone \tsbrdrr\brdrnone \tsbrdrh\brdrnone \tsbrdrv\brdrnone \rtlch\fcs1 \af31507 \ltrch\fcs0 \cf22 \tscnwcell 
Medium Shading 2;}{\*\ts324\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4 \ssemihidden \sunhideused \spriority64 \styrsid15940483 Medium Shading 2 Accent 1;}{\*\ts324\tsrowd\tscellcfpat0\tscellcbpat82\tscellpct0\tsbrdrt\brdrs\brdrw45 \tsbrdrl\brdrnone \tsbrdrb\brdrs\brdrw45 \tsbrdrr\brdrnone \tsbrdrh
\brdrnone \tsbrdrv\brdrnone \sb0\sa0 \rtlch\fcs1 \ab\af31507 \ltrch\fcs0 \b\cf22 \tscfirstrow Medium Shading 2 Accent 1;}{\*\ts324\tsrowd\tscellcfpat0\tscellcbpat22\tscellpct0\tsbrdrt\brdrdb\brdrw15 \tsbrdrl\brdrnone \tsbrdrb\brdrs\brdrw45 \tsbrdrr
\brdrnone \tsbrdrh\brdrnone \tsbrdrv\brdrnone \sb0\sa0 \rtlch\fcs1 \af31507 \ltrch\fcs0 \cf0 \tsclastrow Medium Shading 2 Accent 1;}{\*\ts324\tsrowd\tscellcfpat0\tscellcbpat82\tscellpct0\tsbrdrt\brdrnone \tsbrdrl\brdrnone \tsbrdrb\brdrnone \tsbrdrr
\brdrnone \tsbrdrh\brdrnone \tsbrdrv\brdrnone \rtlch\fcs1 \ab\af31507 \ltrch\fcs0 \b\cf22 \tscfirstcol Medium Shading 2 Accent 1;}{\*\ts324\tsrowd\tscellcfpat0\tscellcbpat82\tscellpct0\tsbrdrl\brdrnone \tsbrdrr\brdrnone \tsbrdrh\brdrnone \tsbrdrv
\brdrnone \rtlch\fcs1 \ab\af31507 \ltrch\fcs0 \b\cf22 \tsclastcol Medium Shading 2 Accent 1;}{\*\ts324\tsrowd\tscellcfpat0\tscellcbpat107\tscellpct0\tsbrdrl\brdrnone \tsbrdrr\brdrnone \tsbrdrh\brdrnone \tsbrdrv\brdrnone \rtlch\fcs1 \af31507 \ltrch\fcs0 
\tscbandvertodd Medium Shading 2 Accent 1;}{\*\ts324\tsrowd\tscellcfpat0\tscellcbpat107\tscellpct0 \rtlch\fcs1 \af31507 \ltrch\fcs0 \tscbandhorzodd Medium Shading 2 Accent 1;}{\*\ts324\tsrowd\tsbrdrt\brdrs\brdrw45 \tsbrdrl\brdrnone \tsbrdrb\brdrnone 
\tsbrdrr\brdrnone \tsbrdrh\brdrnone \tsbrdrv\brdrnone \rtlch\fcs1 \af31507 \ltrch\fcs0 \tscnecell Medium Shading 2 Accent 1;}{\*\ts324\tsrowd\tsbrdrt\brdrs\brdrw45 \tsbrdrl\brdrnone \tsbrdrb\brdrnone \tsbrdrr\brdrnone \tsbrdrh\brdrnone \tsbrdrv\brdrnone 
\rtlch\fcs1 \af31507 \ltrch\fcs0 \cf22 \tscnwcell Medium Shading 2 Accent 1;}{\*\ts325\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5 \ssemihidden \sunhideused \spriority64 \styrsid15940483 Medium Shading 2 Accent 2;}{\*\ts325\tsrowd\tscellcfpat0\tscellcbpat80\tscellpct0\tsbrdrt\brdrs\brdrw45 \tsbrdrl\brdrnone \tsbrdrb\brdrs\brdrw45 \tsbrdrr\brdrnone \tsbrdrh
\brdrnone \tsbrdrv\brdrnone \sb0\sa0 \rtlch\fcs1 \ab\af31507 \ltrch\fcs0 \b\cf22 \tscfirstrow Medium Shading 2 Accent 2;}{\*\ts325\tsrowd\tscellcfpat0\tscellcbpat22\tscellpct0\tsbrdrt\brdrdb\brdrw15 \tsbrdrl\brdrnone \tsbrdrb\brdrs\brdrw45 \tsbrdrr
\brdrnone \tsbrdrh\brdrnone \tsbrdrv\brdrnone \sb0\sa0 \rtlch\fcs1 \af31507 \ltrch\fcs0 \cf0 \tsclastrow Medium Shading 2 Accent 2;}{\*\ts325\tsrowd\tscellcfpat0\tscellcbpat80\tscellpct0\tsbrdrt\brdrnone \tsbrdrl\brdrnone \tsbrdrb\brdrnone \tsbrdrr
\brdrnone \tsbrdrh\brdrnone \tsbrdrv\brdrnone \rtlch\fcs1 \ab\af31507 \ltrch\fcs0 \b\cf22 \tscfirstcol Medium Shading 2 Accent 2;}{\*\ts325\tsrowd\tscellcfpat0\tscellcbpat80\tscellpct0\tsbrdrl\brdrnone \tsbrdrr\brdrnone \tsbrdrh\brdrnone \tsbrdrv
\brdrnone \rtlch\fcs1 \ab\af31507 \ltrch\fcs0 \b\cf22 \tsclastcol Medium Shading 2 Accent 2;}{\*\ts325\tsrowd\tscellcfpat0\tscellcbpat107\tscellpct0\tsbrdrl\brdrnone \tsbrdrr\brdrnone \tsbrdrh\brdrnone \tsbrdrv\brdrnone \rtlch\fcs1 \af31507 \ltrch\fcs0 
\tscbandvertodd Medium Shading 2 Accent 2;}{\*\ts325\tsrowd\tscellcfpat0\tscellcbpat107\tscellpct0 \rtlch\fcs1 \af31507 \ltrch\fcs0 \tscbandhorzodd Medium Shading 2 Accent 2;}{\*\ts325\tsrowd\tsbrdrt\brdrs\brdrw45 \tsbrdrl\brdrnone \tsbrdrb\brdrnone 
\tsbrdrr\brdrnone \tsbrdrh\brdrnone \tsbrdrv\brdrnone \rtlch\fcs1 \af31507 \ltrch\fcs0 \tscnecell Medium Shading 2 Accent 2;}{\*\ts325\tsrowd\tsbrdrt\brdrs\brdrw45 \tsbrdrl\brdrnone \tsbrdrb\brdrnone \tsbrdrr\brdrnone \tsbrdrh\brdrnone \tsbrdrv\brdrnone 
\rtlch\fcs1 \af31507 \ltrch\fcs0 \cf22 \tscnwcell Medium Shading 2 Accent 2;}{\*\ts326\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6 \ssemihidden \sunhideused \spriority64 \styrsid15940483 Medium Shading 2 Accent 3;}{\*\ts326\tsrowd\tscellcfpat0\tscellcbpat86\tscellpct0\tsbrdrt\brdrs\brdrw45 \tsbrdrl\brdrnone \tsbrdrb\brdrs\brdrw45 \tsbrdrr\brdrnone \tsbrdrh
\brdrnone \tsbrdrv\brdrnone \sb0\sa0 \rtlch\fcs1 \ab\af31507 \ltrch\fcs0 \b\cf22 \tscfirstrow Medium Shading 2 Accent 3;}{\*\ts326\tsrowd\tscellcfpat0\tscellcbpat22\tscellpct0\tsbrdrt\brdrdb\brdrw15 \tsbrdrl\brdrnone \tsbrdrb\brdrs\brdrw45 \tsbrdrr
\brdrnone \tsbrdrh\brdrnone \tsbrdrv\brdrnone \sb0\sa0 \rtlch\fcs1 \af31507 \ltrch\fcs0 \cf0 \tsclastrow Medium Shading 2 Accent 3;}{\*\ts326\tsrowd\tscellcfpat0\tscellcbpat86\tscellpct0\tsbrdrt\brdrnone \tsbrdrl\brdrnone \tsbrdrb\brdrnone \tsbrdrr
\brdrnone \tsbrdrh\brdrnone \tsbrdrv\brdrnone \rtlch\fcs1 \ab\af31507 \ltrch\fcs0 \b\cf22 \tscfirstcol Medium Shading 2 Accent 3;}{\*\ts326\tsrowd\tscellcfpat0\tscellcbpat86\tscellpct0\tsbrdrl\brdrnone \tsbrdrr\brdrnone \tsbrdrh\brdrnone \tsbrdrv
\brdrnone \rtlch\fcs1 \ab\af31507 \ltrch\fcs0 \b\cf22 \tsclastcol Medium Shading 2 Accent 3;}{\*\ts326\tsrowd\tscellcfpat0\tscellcbpat107\tscellpct0\tsbrdrl\brdrnone \tsbrdrr\brdrnone \tsbrdrh\brdrnone \tsbrdrv\brdrnone \rtlch\fcs1 \af31507 \ltrch\fcs0 
\tscbandvertodd Medium Shading 2 Accent 3;}{\*\ts326\tsrowd\tscellcfpat0\tscellcbpat107\tscellpct0 \rtlch\fcs1 \af31507 \ltrch\fcs0 \tscbandhorzodd Medium Shading 2 Accent 3;}{\*\ts326\tsrowd\tsbrdrt\brdrs\brdrw45 \tsbrdrl\brdrnone \tsbrdrb\brdrnone 
\tsbrdrr\brdrnone \tsbrdrh\brdrnone \tsbrdrv\brdrnone \rtlch\fcs1 \af31507 \ltrch\fcs0 \tscnecell Medium Shading 2 Accent 3;}{\*\ts326\tsrowd\tsbrdrt\brdrs\brdrw45 \tsbrdrl\brdrnone \tsbrdrb\brdrnone \tsbrdrr\brdrnone \tsbrdrh\brdrnone \tsbrdrv\brdrnone 
\rtlch\fcs1 \af31507 \ltrch\fcs0 \cf22 \tscnwcell Medium Shading 2 Accent 3;}{\*\ts327\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7 \ssemihidden \sunhideused \spriority64 \styrsid15940483 Medium Shading 2 Accent 4;}{\*\ts327\tsrowd\tscellcfpat0\tscellcbpat85\tscellpct0\tsbrdrt\brdrs\brdrw45 \tsbrdrl\brdrnone \tsbrdrb\brdrs\brdrw45 \tsbrdrr\brdrnone \tsbrdrh
\brdrnone \tsbrdrv\brdrnone \sb0\sa0 \rtlch\fcs1 \ab\af31507 \ltrch\fcs0 \b\cf22 \tscfirstrow Medium Shading 2 Accent 4;}{\*\ts327\tsrowd\tscellcfpat0\tscellcbpat22\tscellpct0\tsbrdrt\brdrdb\brdrw15 \tsbrdrl\brdrnone \tsbrdrb\brdrs\brdrw45 \tsbrdrr
\brdrnone \tsbrdrh\brdrnone \tsbrdrv\brdrnone \sb0\sa0 \rtlch\fcs1 \af31507 \ltrch\fcs0 \cf0 \tsclastrow Medium Shading 2 Accent 4;}{\*\ts327\tsrowd\tscellcfpat0\tscellcbpat85\tscellpct0\tsbrdrt\brdrnone \tsbrdrl\brdrnone \tsbrdrb\brdrnone \tsbrdrr
\brdrnone \tsbrdrh\brdrnone \tsbrdrv\brdrnone \rtlch\fcs1 \ab\af31507 \ltrch\fcs0 \b\cf22 \tscfirstcol Medium Shading 2 Accent 4;}{\*\ts327\tsrowd\tscellcfpat0\tscellcbpat85\tscellpct0\tsbrdrl\brdrnone \tsbrdrr\brdrnone \tsbrdrh\brdrnone \tsbrdrv
\brdrnone \rtlch\fcs1 \ab\af31507 \ltrch\fcs0 \b\cf22 \tsclastcol Medium Shading 2 Accent 4;}{\*\ts327\tsrowd\tscellcfpat0\tscellcbpat107\tscellpct0\tsbrdrl\brdrnone \tsbrdrr\brdrnone \tsbrdrh\brdrnone \tsbrdrv\brdrnone \rtlch\fcs1 \af31507 \ltrch\fcs0 
\tscbandvertodd Medium Shading 2 Accent 4;}{\*\ts327\tsrowd\tscellcfpat0\tscellcbpat107\tscellpct0 \rtlch\fcs1 \af31507 \ltrch\fcs0 \tscbandhorzodd Medium Shading 2 Accent 4;}{\*\ts327\tsrowd\tsbrdrt\brdrs\brdrw45 \tsbrdrl\brdrnone \tsbrdrb\brdrnone 
\tsbrdrr\brdrnone \tsbrdrh\brdrnone \tsbrdrv\brdrnone \rtlch\fcs1 \af31507 \ltrch\fcs0 \tscnecell Medium Shading 2 Accent 4;}{\*\ts327\tsrowd\tsbrdrt\brdrs\brdrw45 \tsbrdrl\brdrnone \tsbrdrb\brdrnone \tsbrdrr\brdrnone \tsbrdrh\brdrnone \tsbrdrv\brdrnone 
\rtlch\fcs1 \af31507 \ltrch\fcs0 \cf22 \tscnwcell Medium Shading 2 Accent 4;}{\*\ts328\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8 \ssemihidden \sunhideused \spriority64 \styrsid15940483 Medium Shading 2 Accent 5;}{\*\ts328\tsrowd\tscellcfpat0\tscellcbpat17\tscellpct0\tsbrdrt\brdrs\brdrw45 \tsbrdrl\brdrnone \tsbrdrb\brdrs\brdrw45 \tsbrdrr\brdrnone \tsbrdrh
\brdrnone \tsbrdrv\brdrnone \sb0\sa0 \rtlch\fcs1 \ab\af31507 \ltrch\fcs0 \b\cf22 \tscfirstrow Medium Shading 2 Accent 5;}{\*\ts328\tsrowd\tscellcfpat0\tscellcbpat22\tscellpct0\tsbrdrt\brdrdb\brdrw15 \tsbrdrl\brdrnone \tsbrdrb\brdrs\brdrw45 \tsbrdrr
\brdrnone \tsbrdrh\brdrnone \tsbrdrv\brdrnone \sb0\sa0 \rtlch\fcs1 \af31507 \ltrch\fcs0 \cf0 \tsclastrow Medium Shading 2 Accent 5;}{\*\ts328\tsrowd\tscellcfpat0\tscellcbpat17\tscellpct0\tsbrdrt\brdrnone \tsbrdrl\brdrnone \tsbrdrb\brdrnone \tsbrdrr
\brdrnone \tsbrdrh\brdrnone \tsbrdrv\brdrnone \rtlch\fcs1 \ab\af31507 \ltrch\fcs0 \b\cf22 \tscfirstcol Medium Shading 2 Accent 5;}{\*\ts328\tsrowd\tscellcfpat0\tscellcbpat17\tscellpct0\tsbrdrl\brdrnone \tsbrdrr\brdrnone \tsbrdrh\brdrnone \tsbrdrv
\brdrnone \rtlch\fcs1 \ab\af31507 \ltrch\fcs0 \b\cf22 \tsclastcol Medium Shading 2 Accent 5;}{\*\ts328\tsrowd\tscellcfpat0\tscellcbpat107\tscellpct0\tsbrdrl\brdrnone \tsbrdrr\brdrnone \tsbrdrh\brdrnone \tsbrdrv\brdrnone \rtlch\fcs1 \af31507 \ltrch\fcs0 
\tscbandvertodd Medium Shading 2 Accent 5;}{\*\ts328\tsrowd\tscellcfpat0\tscellcbpat107\tscellpct0 \rtlch\fcs1 \af31507 \ltrch\fcs0 \tscbandhorzodd Medium Shading 2 Accent 5;}{\*\ts328\tsrowd\tsbrdrt\brdrs\brdrw45 \tsbrdrl\brdrnone \tsbrdrb\brdrnone 
\tsbrdrr\brdrnone \tsbrdrh\brdrnone \tsbrdrv\brdrnone \rtlch\fcs1 \af31507 \ltrch\fcs0 \tscnecell Medium Shading 2 Accent 5;}{\*\ts328\tsrowd\tsbrdrt\brdrs\brdrw45 \tsbrdrl\brdrnone \tsbrdrb\brdrnone \tsbrdrr\brdrnone \tsbrdrh\brdrnone \tsbrdrv\brdrnone 
\rtlch\fcs1 \af31507 \ltrch\fcs0 \cf22 \tscnwcell Medium Shading 2 Accent 5;}{\*\ts329\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9 \ssemihidden \sunhideused \spriority64 \styrsid15940483 Medium Shading 2 Accent 6;}{\*\ts329\tsrowd\tscellcfpat0\tscellcbpat89\tscellpct0\tsbrdrt\brdrs\brdrw45 \tsbrdrl\brdrnone \tsbrdrb\brdrs\brdrw45 \tsbrdrr\brdrnone \tsbrdrh
\brdrnone \tsbrdrv\brdrnone \sb0\sa0 \rtlch\fcs1 \ab\af31507 \ltrch\fcs0 \b\cf22 \tscfirstrow Medium Shading 2 Accent 6;}{\*\ts329\tsrowd\tscellcfpat0\tscellcbpat22\tscellpct0\tsbrdrt\brdrdb\brdrw15 \tsbrdrl\brdrnone \tsbrdrb\brdrs\brdrw45 \tsbrdrr
\brdrnone \tsbrdrh\brdrnone \tsbrdrv\brdrnone \sb0\sa0 \rtlch\fcs1 \af31507 \ltrch\fcs0 \cf0 \tsclastrow Medium Shading 2 Accent 6;}{\*\ts329\tsrowd\tscellcfpat0\tscellcbpat89\tscellpct0\tsbrdrt\brdrnone \tsbrdrl\brdrnone \tsbrdrb\brdrnone \tsbrdrr
\brdrnone \tsbrdrh\brdrnone \tsbrdrv\brdrnone \rtlch\fcs1 \ab\af31507 \ltrch\fcs0 \b\cf22 \tscfirstcol Medium Shading 2 Accent 6;}{\*\ts329\tsrowd\tscellcfpat0\tscellcbpat89\tscellpct0\tsbrdrl\brdrnone \tsbrdrr\brdrnone \tsbrdrh\brdrnone \tsbrdrv
\brdrnone \rtlch\fcs1 \ab\af31507 \ltrch\fcs0 \b\cf22 \tsclastcol Medium Shading 2 Accent 6;}{\*\ts329\tsrowd\tscellcfpat0\tscellcbpat107\tscellpct0\tsbrdrl\brdrnone \tsbrdrr\brdrnone \tsbrdrh\brdrnone \tsbrdrv\brdrnone \rtlch\fcs1 \af31507 \ltrch\fcs0 
\tscbandvertodd Medium Shading 2 Accent 6;}{\*\ts329\tsrowd\tscellcfpat0\tscellcbpat107\tscellpct0 \rtlch\fcs1 \af31507 \ltrch\fcs0 \tscbandhorzodd Medium Shading 2 Accent 6;}{\*\ts329\tsrowd\tsbrdrt\brdrs\brdrw45 \tsbrdrl\brdrnone \tsbrdrb\brdrnone 
\tsbrdrr\brdrnone \tsbrdrh\brdrnone \tsbrdrv\brdrnone \rtlch\fcs1 \af31507 \ltrch\fcs0 \tscnecell Medium Shading 2 Accent 6;}{\*\ts329\tsrowd\tsbrdrt\brdrs\brdrw45 \tsbrdrl\brdrnone \tsbrdrb\brdrnone \tsbrdrr\brdrnone \tsbrdrh\brdrnone \tsbrdrv\brdrnone 
\rtlch\fcs1 \af31507 \ltrch\fcs0 \cf22 \tscnwcell Medium Shading 2 Accent 6;}{\s330\ql \fi-1080\li1080\ri0\widctlpar\brdrt\brdrs\brdrw15\brsp20 \brdrl\brdrs\brdrw15\brsp20 \brdrb\brdrs\brdrw15\brsp20 \brdrr\brdrs\brdrw15\brsp20 
\wrapdefault\aspalpha\aspnum\faauto\adjustright\rin0\lin1080\itap0 \shading2000 \rtlch\fcs1 \af31503\afs24\alang1025 \ltrch\fcs0 \fs24\lang1033\langfe1033\loch\f31502\hich\af31502\dbch\af31501\cgrid\langnp1033\langfenp1033 
\sbasedon0 \snext330 \slink331 \ssemihidden \sunhideused \styrsid15940483 Message Header;}{\*\cs331 \additive \rtlch\fcs1 \af31503\afs24 \ltrch\fcs0 \fs24\loch\f31502\hich\af31502\dbch\af31501\chshdng2000\chcfpat0\chcbpat0 
\sbasedon10 \slink330 \slocked \ssemihidden \styrsid15940483 Message Header Char;}{\s332\ql \li0\ri0\widctlpar\wrapdefault\aspalpha\aspnum\faauto\adjustright\rin0\lin0\itap0 \rtlch\fcs1 \af31507\afs22\alang1025 \ltrch\fcs0 
\f31506\fs22\lang1033\langfe1033\cgrid\langnp1033\langfenp1033 \snext332 \ssemihidden \sunhideused \spriority1 \styrsid15940483 No Spacing;}{\s333\ql \li720\ri0\sb160\sl259\slmult1
\widctlpar\wrapdefault\aspalpha\aspnum\faauto\adjustright\rin0\lin720\itap0 \rtlch\fcs1 \af31507\afs22\alang1025 \ltrch\fcs0 \f31506\fs22\lang1033\langfe1033\cgrid\langnp1033\langfenp1033 \sbasedon0 \snext333 \ssemihidden \sunhideused \styrsid15940483 
Normal Indent;}{\s334\ql \li0\ri0\widctlpar\wrapdefault\aspalpha\aspnum\faauto\adjustright\rin0\lin0\itap0 \rtlch\fcs1 \af31507\afs22\alang1025 \ltrch\fcs0 \f31506\fs22\lang1033\langfe1033\cgrid\langnp1033\langfenp1033 
\sbasedon0 \snext0 \slink335 \ssemihidden \sunhideused \styrsid15940483 Note Heading;}{\*\cs335 \additive \rtlch\fcs1 \af0 \ltrch\fcs0 \sbasedon10 \slink334 \slocked \ssemihidden \styrsid15940483 Note Heading Char;}{\*\cs336 \additive \rtlch\fcs1 \af0 
\ltrch\fcs0 \sbasedon10 \ssemihidden \sunhideused \styrsid15940483 page number;}{\*\cs337 \additive \rtlch\fcs1 \af0 \ltrch\fcs0 \cf108 \sbasedon10 \ssemihidden \styrsid4749718 Placeholder Text;}{\*\ts338\tsrowd\trbrdrt\brdrs\brdrw10\brdrcf109 \trbrdrl
\brdrs\brdrw10\brdrcf109 \trbrdrb\brdrs\brdrw10\brdrcf109 \trbrdrr\brdrs\brdrw10\brdrcf109 \trbrdrh\brdrs\brdrw10\brdrcf109 \trbrdrv\brdrs\brdrw10\brdrcf10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38 \spriority41 \styrsid15940483 Plain Table 1;}{\*\ts338\tsrowd \rtlch\fcs1 \ab\af31507 \ltrch\fcs0 \b \tscfirstrow Plain Table 1;}{\*\ts338\tsrowd\tsbrdrt\brdrdb\brdrw10\brdrcf109 \rtlch\fcs1 \ab\af31507 \ltrch\fcs0 \b \tsclastrow 
Plain Table 1;}{\*\ts338\tsrowd \rtlch\fcs1 \ab\af31507 \ltrch\fcs0 \b \tscfirstcol Plain Table 1;}{\*\ts338\tsrowd \rtlch\fcs1 \ab\af31507 \ltrch\fcs0 \b \tsclastcol Plain Table 1;}{\*\ts338\tsrowd\tscellcfpat0\tscellcbpat110\tscellpct0 \rtlch\fcs1 
\af31507 \ltrch\fcs0 \tscbandvertodd Plain Table 1;}{\*\ts338\tsrowd\tscellcfpat0\tscellcbpat110\tscellpct0 \rtlch\fcs1 \af31507 \ltrch\fcs0 \tscbandhorzodd Plain Table 1;}{\*\ts339\tsrowd\trbrdrt\brdrs\brdrw10\brdrcf111 \trbrdrb\brdrs\brdrw10\brdrcf111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39 \spriority42 \styrsid15940483 Plain Table 2;}{\*\ts339\tsrowd\tsbrdrb\brdrs\brdrw10\brdrcf111 \rtlch\fcs1 \ab\af31507 \ltrch\fcs0 \b \tscfirstrow Plain Table 2;}{\*\ts339\tsrowd\tsbrdrt\brdrs\brdrw10\brdrcf111 \rtlch\fcs1 
\ab\af31507 \ltrch\fcs0 \b \tsclastrow Plain Table 2;}{\*\ts339\tsrowd \rtlch\fcs1 \ab\af31507 \ltrch\fcs0 \b \tscfirstcol Plain Table 2;}{\*\ts339\tsrowd \rtlch\fcs1 \ab\af31507 \ltrch\fcs0 \b \tsclastcol Plain Table 2;}{\*\ts339\tsrowd\tsbrdrl
\brdrs\brdrw10\brdrcf111 \tsbrdrr\brdrs\brdrw10\brdrcf111 \rtlch\fcs1 \af31507 \ltrch\fcs0 \tscbandvertodd Plain Table 2;}{\*\ts339\tsrowd\tsbrdrl\brdrs\brdrw10\brdrcf111 \tsbrdrr\brdrs\brdrw10\brdrcf111 \rtlch\fcs1 \af31507 \ltrch\fcs0 \tscbandverteven 
Plain Table 2;}{\*\ts339\tsrowd\tsbrdrt\brdrs\brdrw10\brdrcf111 \tsbrdrb\brdrs\brdrw10\brdrcf111 \rtlch\fcs1 \af31507 \ltrch\fcs0 \tscbandhorzodd Plain Table 2;}{\*
\ts340\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40 \spriority43 \styrsid15940483 Plain Table 3;}{\*\ts340\tsrowd\tsbrdrb\brdrs\brdrw10\brdrcf111 \rtlch\fcs1 \ab\af31507 \ltrch\fcs0 \b\caps \tscfirstrow Plain Table 3;}{\*\ts340\tsrowd\tsbrdrt\brdrnone \rtlch\fcs1 \ab\af31507 
\ltrch\fcs0 \b\caps \tsclastrow Plain Table 3;}{\*\ts340\tsrowd\tsbrdrr\brdrs\brdrw10\brdrcf111 \rtlch\fcs1 \ab\af31507 \ltrch\fcs0 \b\caps \tscfirstcol Plain Table 3;}{\*\ts340\tsrowd\tsbrdrl\brdrnone \rtlch\fcs1 \ab\af31507 \ltrch\fcs0 \b\caps 
\tsclastcol Plain Table 3;}{\*\ts340\tsrowd\tscellcfpat0\tscellcbpat110\tscellpct0 \rtlch\fcs1 \af31507 \ltrch\fcs0 \tscbandvertodd Plain Table 3;}{\*\ts340\tsrowd\tscellcfpat0\tscellcbpat110\tscellpct0 \rtlch\fcs1 \af31507 \ltrch\fcs0 \tscbandhorzodd 
Plain Table 3;}{\*\ts340\tsrowd\tsbrdrl\brdrnone \rtlch\fcs1 \af31507 \ltrch\fcs0 \tscnecell Plain Table 3;}{\*\ts340\tsrowd\tsbrdrr\brdrnone \rtlch\fcs1 \af31507 \ltrch\fcs0 \tscnwcell Plain Table 3;}{\*
\ts341\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41 \spriority44 \styrsid15940483 Plain Table 4;}{\*\ts341\tsrowd \rtlch\fcs1 \ab\af31507 \ltrch\fcs0 \b \tscfirstrow Plain Table 4;}{\*\ts341\tsrowd \rtlch\fcs1 \ab\af31507 \ltrch\fcs0 \b \tsclastrow Plain Table 4;}{\*\ts341\tsrowd 
\rtlch\fcs1 \ab\af31507 \ltrch\fcs0 \b \tscfirstcol Plain Table 4;}{\*\ts341\tsrowd \rtlch\fcs1 \ab\af31507 \ltrch\fcs0 \b \tsclastcol Plain Table 4;}{\*\ts341\tsrowd\tscellcfpat0\tscellcbpat110\tscellpct0 \rtlch\fcs1 \af31507 \ltrch\fcs0 \tscbandvertodd 
Plain Table 4;}{\*\ts341\tsrowd\tscellcfpat0\tscellcbpat110\tscellpct0 \rtlch\fcs1 \af31507 \ltrch\fcs0 \tscbandhorzodd Plain Table 4;}{\*
\ts342\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42 \spriority45 \styrsid15940483 Plain Table 5;}{\*\ts342\tsrowd\tscellcfpat0\tscellcbpat22\tscellpct0\tsbrdrb\brdrs\brdrw10\brdrcf111 \rtlch\fcs1 \ai\af31503 \ltrch\fcs0 \i\fs26\loch\f31502\hich\af31502\dbch\af31501 \tscfirstrow 
Plain Table 5;}{\*\ts342\tsrowd\tscellcfpat0\tscellcbpat22\tscellpct0\tsbrdrt\brdrs\brdrw10\brdrcf111 \rtlch\fcs1 \ai\af31503 \ltrch\fcs0 \i\fs26\loch\f31502\hich\af31502\dbch\af31501 \tsclastrow Plain Table 5;}{\*
\ts342\tsrowd\tscellcfpat0\tscellcbpat22\tscellpct0\tsbrdrr\brdrs\brdrw10\brdrcf111 \qr \rtlch\fcs1 \ai\af31503 \ltrch\fcs0 \i\fs26\loch\f31502\hich\af31502\dbch\af31501 \tscfirstcol Plain Table 5;}{\*
\ts342\tsrowd\tscellcfpat0\tscellcbpat22\tscellpct0\tsbrdrl\brdrs\brdrw10\brdrcf111 \rtlch\fcs1 \ai\af31503 \ltrch\fcs0 \i\fs26\loch\f31502\hich\af31502\dbch\af31501 \tsclastcol Plain Table 5;}{\*\ts342\tsrowd\tscellcfpat0\tscellcbpat110\tscellpct0 
\rtlch\fcs1 \af31507 \ltrch\fcs0 \tscbandvertodd Plain Table 5;}{\*\ts342\tsrowd\tscellcfpat0\tscellcbpat110\tscellpct0 \rtlch\fcs1 \af31507 \ltrch\fcs0 \tscbandhorzodd Plain Table 5;}{\*\ts342\tsrowd\tsbrdrl\brdrnone \rtlch\fcs1 \af31507 \ltrch\fcs0 
\tscnecell Plain Table 5;}{\*\ts342\tsrowd\tsbrdrr\brdrnone \rtlch\fcs1 \af31507 \ltrch\fcs0 \tscnwcell Plain Table 5;}{\*\ts342\tsrowd\tsbrdrl\brdrnone \rtlch\fcs1 \af31507 \ltrch\fcs0 \tscsecell Plain Table 5;}{\*\ts342\tsrowd\tsbrdrr\brdrnone 
\rtlch\fcs1 \af31507 \ltrch\fcs0 \tscswcell Plain Table 5;}{\s343\ql \li0\ri0\widctlpar\wrapdefault\aspalpha\aspnum\faauto\adjustright\rin0\lin0\itap0 \rtlch\fcs1 \af31507\afs21\alang1025 \ltrch\fcs0 
\f42\fs22\lang1033\langfe1033\cgrid\langnp1033\langfenp1033 \sbasedon0 \snext343 \slink344 \ssemihidden \sunhideused \styrsid15940483 Plain Text;}{\*\cs344 \additive \rtlch\fcs1 \af0\afs21 \ltrch\fcs0 \f42\fs21 
\sbasedon10 \slink343 \slocked \ssemihidden \styrsid15940483 Plain Text Char;}{\s345\qc \li0\ri0\sb200\sa160\sl259\slmult1\widctlpar\wrapdefault\aspalpha\aspnum\faauto\adjustright\rin0\lin0\itap0 \rtlch\fcs1 \ai\af31507\afs22\alang1025 \ltrch\fcs0 
\i\f31506\fs22\cf23\lang1033\langfe1033\cgrid\langnp1033\langfenp1033 \sbasedon0 \snext0 \slink346 \ssemihidden \sunhideused \sqformat \spriority29 \styrsid470311 Quote;}{\*\cs346 \additive \rtlch\fcs1 \ai\af0 \ltrch\fcs0 \i\cf23 
\sbasedon10 \slink345 \slocked \ssemihidden \spriority29 \styrsid470311 Quote Char;}{\s347\ql \li0\ri0\sb160\sl259\slmult1\widctlpar\wrapdefault\aspalpha\aspnum\faauto\adjustright\rin0\lin0\itap0 \rtlch\fcs1 \af31507\afs22\alang1025 \ltrch\fcs0 
\f31506\fs22\lang1033\langfe1033\cgrid\langnp1033\langfenp1033 \sbasedon0 \snext0 \slink348 \ssemihidden \sunhideused \styrsid15940483 Salutation;}{\*\cs348 \additive \rtlch\fcs1 \af0 \ltrch\fcs0 
\sbasedon10 \slink347 \slocked \ssemihidden \styrsid15940483 Salutation Char;}{\s349\ql \li4320\ri0\widctlpar\wrapdefault\aspalpha\aspnum\faauto\adjustright\rin0\lin4320\itap0 \rtlch\fcs1 \af31507\afs22\alang1025 \ltrch\fcs0 
\f31506\fs22\lang1033\langfe1033\cgrid\langnp1033\langfenp1033 \sbasedon0 \snext349 \slink350 \ssemihidden \sunhideused \styrsid15940483 Signature;}{\*\cs350 \additive \rtlch\fcs1 \af0 \ltrch\fcs0 
\sbasedon10 \slink349 \slocked \ssemihidden \styrsid15940483 Signature Char;}{\*\cs351 \additive \rtlch\fcs1 \ai\af0 \ltrch\fcs0 \i\cf23 \sbasedon10 \ssemihidden \sunhideused \sqformat \spriority19 \styrsid15940483 Subtle Emphasis;}{\*\cs352 \additive 
\rtlch\fcs1 \af0 \ltrch\fcs0 \scaps\cf112 \sbasedon10 \ssemihidden \sunhideused \sqformat \spriority31 \styrsid15940483 Subtle Reference;}{\*
\ts353\tsrowd\trftsWidthB3\trpaddl108\trpaddr108\trpaddfl3\trpaddft3\trpaddfb3\trpaddfr3\tblind0\tblindtype3\tsvertalt\tscellcfpat16\tscellcbpat8\tscellpct10000\tsbrdrt\tsbrdrl\tsbrdrb\tsbrdrr\tsbrdrdgl\tsbrdrdgr\tsbrdrh\tsbrdrv 
\ql \li0\ri0\sb160\sl259\slmult1\widctlpar\wrapdefault\aspalpha\aspnum\faauto\adjustright\rin0\lin0\itap0 \rtlch\fcs1 \af31507\afs22\alang1025 \ltrch\fcs0 \f31506\fs22\lang1033\langfe1033\cgrid\langnp1033\langfenp1033 
\sbasedon11 \snext353 \ssemihidden \sunhideused \styrsid15940483 Table 3D effects 1;}{\*\ts353\tsrowd\tsbrdrb\brdrs\brdrw15\brdrcf15 \tsbrdrdgl\brdrnil\tsbrdrdgr\brdrnil \rtlch\fcs1 \ab\af31507 \ltrch\fcs0 \b\cf12 \tscfirstrow Table 3D effects 1;}{\*
\ts353\tsrowd\tsbrdrt\brdrs\brdrw15\brdrcf8 \tsbrdrdgl\brdrnil\tsbrdrdgr\brdrnil \rtlch\fcs1 \af31507 \ltrch\fcs0 \tsclastrow Table 3D effects 1;}{\*\ts353\tsrowd\tsbrdrr\brdrs\brdrw15\brdrcf15 \tsbrdrdgl\brdrnil\tsbrdrdgr\brdrnil \rtlch\fcs1 \ab\af31507 
\ltrch\fcs0 \b \tscfirstcol Table 3D effects 1;}{\*\ts353\tsrowd\tsbrdrl\brdrs\brdrw15\brdrcf8 \tsbrdrdgl\brdrnil\tsbrdrdgr\brdrnil \rtlch\fcs1 \af31507 \ltrch\fcs0 \tsclastcol Table 3D effects 1;}{\*
\ts353\tsrowd\tsbrdrl\brdrnil\tsbrdrb\brdrnil\tsbrdrdgl\brdrnil\tsbrdrdgr\brdrnil \rtlch\fcs1 \af31507 \ltrch\fcs0 \tscnecell Table 3D effects 1;}{\*\ts353\tsrowd\tsbrdrb\brdrnil\tsbrdrr\brdrnil\tsbrdrdgl\brdrnil\tsbrdrdgr\brdrnil \rtlch\fcs1 \af31507 
\ltrch\fcs0 \tscnwcell Table 3D effects 1;}{\*\ts353\tsrowd\tsbrdrt\brdrnil\tsbrdrl\brdrnil\tsbrdrdgl\brdrnil\tsbrdrdgr\brdrnil \rtlch\fcs1 \af31507 \ltrch\fcs0 \tscsecell Table 3D effects 1;}{\*
\ts353\tsrowd\tsbrdrt\brdrnil\tsbrdrr\brdrnil\tsbrdrdgl\brdrnil\tsbrdrdgr\brdrnil \rtlch\fcs1 \af31507 \ltrch\fcs0 \cf9 \tscswcell Table 3D effects 1;}{\*
\ts354\tsrowd\trftsWidthB3\trpaddl108\trpaddr108\trpaddfl3\trpaddft3\trpaddfb3\trpaddfr3\tscbandsh1\tblind0\tblindtype3\tsvertalt\tscellcfpat16\tscellcbpat8\tscellpct10000\tsbrdrt\tsbrdrl\tsbrdrb\tsbrdrr\tsbrdrdgl\tsbrdrdgr\tsbrdrh\tsbrdrv 
\ql \li0\ri0\sb160\sl259\slmult1\widctlpar\wrapdefault\aspalpha\aspnum\faauto\adjustright\rin0\lin0\itap0 \rtlch\fcs1 \af31507\afs22\alang1025 \ltrch\fcs0 \f31506\fs22\lang1033\langfe1033\cgrid\langnp1033\langfenp1033 
\sbasedon11 \snext354 \ssemihidden \sunhideused \styrsid15940483 Table 3D effects 2;}{\*\ts354\tsrowd\tsbrdrdgl\brdrnil\tsbrdrdgr\brdrnil \rtlch\fcs1 \ab\af31507 \ltrch\fcs0 \b \tscfirstrow Table 3D effects 2;}{\*
\ts354\tsrowd\tsbrdrt\brdrnil\tsbrdrb\brdrnil\tsbrdrr\brdrs\brdrw15\brdrcf15 \tsbrdrdgl\brdrnil\tsbrdrdgr\brdrnil \rtlch\fcs1 \af31507 \ltrch\fcs0 \tscfirstcol Table 3D effects 2;}{\*\ts354\tsrowd\tsbrdrr\brdrs\brdrw15\brdrcf8 
\tsbrdrdgl\brdrnil\tsbrdrdgr\brdrnil \rtlch\fcs1 \af31507 \ltrch\fcs0 \tsclastcol Table 3D effects 2;}{\*\ts354\tsrowd\tsbrdrt\brdrs\brdrw15\brdrcf15 \tsbrdrb\brdrs\brdrw15\brdrcf8 \tsbrdrdgl\brdrnil\tsbrdrdgr\brdrnil \rtlch\fcs1 \af31507 \ltrch\fcs0 
\tscbandhorzodd Table 3D effects 2;}{\*\ts354\tsrowd\tsbrdrdgl\brdrnil\tsbrdrdgr\brdrnil \rtlch\fcs1 \ab\af31507 \ltrch\fcs0 \b \tscswcell Table 3D effects 2;}{\*
\ts355\tsrowd\trftsWidthB3\trpaddl108\trpaddr108\trpaddfl3\trpaddft3\trpaddfb3\trpaddfr3\tscbandsh1\tscbandsv1\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55 \ssemihidden \sunhideused \styrsid15940483 
Table 3D effects 3;}{\*\ts355\tsrowd\tsbrdrdgl\brdrnil\tsbrdrdgr\brdrnil \rtlch\fcs1 \ab\af31507 \ltrch\fcs0 \b \tscfirstrow Table 3D effects 3;}{\*\ts355\tsrowd\tsbrdrt\brdrnil\tsbrdrb\brdrnil\tsbrdrr\brdrs\brdrw15\brdrcf15 
\tsbrdrdgl\brdrnil\tsbrdrdgr\brdrnil \rtlch\fcs1 \af31507 \ltrch\fcs0 \tscfirstcol Table 3D effects 3;}{\*\ts355\tsrowd\tsbrdrr\brdrs\brdrw15\brdrcf8 \tsbrdrdgl\brdrnil\tsbrdrdgr\brdrnil \rtlch\fcs1 \af31507 \ltrch\fcs0 \tsclastcol Table 3D effects 3;}{\*
\ts355\tsrowd\tscellcfpat16\tscellcbpat8\tscellpct10000 \rtlch\fcs1 \af31507 \ltrch\fcs0 \cf0 \tscbandvertodd Table 3D effects 3;}{\*\ts355\tsrowd\tscellcfpat16\tscellcbpat8\tscellpct5000 \rtlch\fcs1 \af31507 \ltrch\fcs0 \cf0 \tscbandverteven 
Table 3D effects 3;}{\*\ts355\tsrowd\tsbrdrt\brdrs\brdrw15\brdrcf15 \tsbrdrb\brdrs\brdrw15\brdrcf8 \tsbrdrdgl\brdrnil\tsbrdrdgr\brdrnil \rtlch\fcs1 \af31507 \ltrch\fcs0 \tscbandhorzodd Table 3D effects 3;}{\*
\ts355\tsrowd\tsbrdrdgl\brdrnil\tsbrdrdgr\brdrnil \rtlch\fcs1 \ab\af31507 \ltrch\fcs0 \b \tscswcell Table 3D effects 3;}{\*\ts356\tsrowd\trbrdrt\brdrs\brdrw30\brdrcf1 \trbrdrb\brdrs\brdrw30\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56 \ssemihidden \sunhideused \styrsid15940483 
Table Classic 1;}{\*\ts356\tsrowd\tsbrdrb\brdrs\brdrw15\brdrcf1 \tsbrdrdgl\brdrnil\tsbrdrdgr\brdrnil \rtlch\fcs1 \ai\af31507 \ltrch\fcs0 \i \tscfirstrow Table Classic 1;}{\*\ts356\tsrowd\tsbrdrt\brdrs\brdrw15\brdrcf1 \tsbrdrdgl\brdrnil\tsbrdrdgr\brdrnil 
\rtlch\fcs1 \af31507 \ltrch\fcs0 \cf0 \tsclastrow Table Classic 1;}{\*\ts356\tsrowd\tsbrdrr\brdrs\brdrw15\brdrcf1 \tsbrdrdgl\brdrnil\tsbrdrdgr\brdrnil \rtlch\fcs1 \af31507 \ltrch\fcs0 \tscfirstcol Table Classic 1;}{\*
\ts356\tsrowd\tsbrdrdgl\brdrnil\tsbrdrdgr\brdrnil \rtlch\fcs1 \ab\ai0\af31507 \ltrch\fcs0 \b\i0 \tscnecell Table Classic 1;}{\*\ts356\tsrowd\tsbrdrdgl\brdrnil\tsbrdrdgr\brdrnil \rtlch\fcs1 \ab\af31507 \ltrch\fcs0 \b \tscswcell Table Classic 1;}{\*
\ts357\tsrowd\trbrdrt\brdrs\brdrw30\brdrcf1 \trbrdrb\brdrs\brdrw30\brdrcf1 \trftsWidthB3\trpaddl108\trpaddr108\trpaddfl3\trpaddft3\trpaddfb3\trpaddfr3\tblind0\tblindtype3\tsvertalt\tsbrdrt\tsbrdrl\tsbrdrb\tsbrdrr\tsbrdrdgl\tsbrdrdgr\tsbrdrh\tsbrdrv 
\ql \li0\ri0\sb160\sl259\slmult1\widctlpar\wrapdefault\aspalpha\aspnum\faauto\adjustright\rin0\lin0\itap0 \rtlch\fcs1 \af31507\afs22\alang1025 \ltrch\fcs0 \f31506\fs22\lang1033\langfe1033\cgrid\langnp1033\langfenp1033 
\sbasedon11 \snext357 \ssemihidden \sunhideused \styrsid15940483 Table Classic 2;}{\*\ts357\tsrowd\tscellcfpat12\tscellcbpat8\tscellpct10000\tsbrdrb\brdrs\brdrw15\brdrcf1 \tsbrdrdgl\brdrnil\tsbrdrdgr\brdrnil \rtlch\fcs1 \af31507 \ltrch\fcs0 \cf8 
\tscfirstrow Table Classic 2;}{\*\ts357\tsrowd\tsbrdrt\brdrs\brdrw15\brdrcf1 \tsbrdrdgl\brdrnil\tsbrdrdgr\brdrnil \rtlch\fcs1 \af31507 \ltrch\fcs0 \tsclastrow Table Classic 2;}{\*
\ts357\tsrowd\tscellcfpat16\tscellcbpat8\tscellpct10000\tsbrdrdgl\brdrnil\tsbrdrdgr\brdrnil \rtlch\fcs1 \ab\af31507 \ltrch\fcs0 \b \tscfirstcol Table Classic 2;}{\*\ts357\tsrowd\tsbrdrdgl\brdrnil\tsbrdrdgr\brdrnil \rtlch\fcs1 \ab\af31507 \ltrch\fcs0 \b 
\tscnecell Table Classic 2;}{\*\ts357\tsrowd\tscellcfpat12\tscellcbpat8\tscellpct10000\tsbrdrdgl\brdrnil\tsbrdrdgr\brdrnil \rtlch\fcs1 \af31507 \ltrch\fcs0 \tscnwcell Table Classic 2;}{\*\ts357\tsrowd\tsbrdrdgl\brdrnil\tsbrdrdgr\brdrnil \rtlch\fcs1 
\af31507 \ltrch\fcs0 \cf9 \tscswcell Table Classic 2;}{\*\ts358\tsrowd\trbrdrt\brdrs\brdrw30\brdrcf1 \trbrdrl\brdrs\brdrw30\brdrcf1 \trbrdrb\brdrs\brdrw30\brdrcf1 \trbrdrr\brdrs\brdrw30\brdrcf1 
\trftsWidthB3\trpaddl108\trpaddr108\trpaddfl3\trpaddft3\trpaddfb3\trpaddfr3\tblind0\tblindtype3\tsvertalt\tscellcfpat16\tscellcbpat8\tscellpct10000\tsbrdrt\tsbrdrl\tsbrdrb\tsbrdrr\tsbrdrdgl\tsbrdrdgr\tsbrdrh\tsbrdrv \ql \li0\ri0\sb160\sl259\slmult1
\widctlpar\wrapdefault\aspalpha\aspnum\faauto\adjustright\rin0\lin0\itap0 \rtlch\fcs1 \af31507\afs22\alang1025 \ltrch\fcs0 \f31506\fs22\cf9\lang1033\langfe1033\cgrid\langnp1033\langfenp1033 \sbasedon11 \snext358 \ssemihidden \sunhideused \styrsid15940483 
Table Classic 3;}{\*\ts358\tsrowd\tscellcfpat9\tscellcbpat8\tscellpct10000\tsbrdrb\brdrs\brdrw15\brdrcf1 \tsbrdrdgl\brdrnil\tsbrdrdgr\brdrnil \rtlch\fcs1 \ab\ai\af31507 \ltrch\fcs0 \b\i\cf8 \tscfirstrow Table Classic 3;}{\*
\ts358\tsrowd\tscellcfpat8\tscellcbpat8\tscellpct10000\tsbrdrt\brdrs\brdrw30\brdrcf1 \tsbrdrdgl\brdrnil\tsbrdrdgr\brdrnil \rtlch\fcs1 \af31507 \ltrch\fcs0 \cf9 \tsclastrow Table Classic 3;}{\*\ts358\tsrowd\tsbrdrdgl\brdrnil\tsbrdrdgr\brdrnil \rtlch\fcs1 
\ab\af31507 \ltrch\fcs0 \b\cf1 \tscfirstcol Table Classic 3;}{\*\ts359\tsrowd\trbrdrt\brdrs\brdrw30\brdrcf1 \trbrdrl\brdrs\brdrw15\brdrcf1 \trbrdrb\brdrs\brdrw30\brdrcf1 \trbrdrr\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59 \ssemihidden \sunhideused \styrsid15940483 
Table Classic 4;}{\*\ts359\tsrowd\tscellcfpat9\tscellcbpat8\tscellpct5000\tsbrdrb\brdrs\brdrw15\brdrcf1 \tsbrdrdgl\brdrnil\tsbrdrdgr\brdrnil \rtlch\fcs1 \ab\ai\af31507 \ltrch\fcs0 \b\i\cf8 \tscfirstrow Table Classic 4;}{\*
\ts359\tsrowd\tscellcfpat1\tscellcbpat8\tscellpct5000\tsbrdrb\brdrs\brdrw15\brdrcf1 \tsbrdrdgl\brdrnil\tsbrdrdgr\brdrnil \rtlch\fcs1 \af31507 \ltrch\fcs0 \cf9 \tsclastrow Table Classic 4;}{\*\ts359\tsrowd\tsbrdrdgl\brdrnil\tsbrdrdgr\brdrnil \rtlch\fcs1 
\ab\af31507 \ltrch\fcs0 \b \tscfirstcol Table Classic 4;}{\*\ts359\tsrowd\tsbrdrdgl\brdrnil\tsbrdrdgr\brdrnil \rtlch\fcs1 \ab\af31507 \ltrch\fcs0 \b \tscnwcell Table Classic 4;}{\*\ts359\tsrowd\tsbrdrdgl\brdrnil\tsbrdrdgr\brdrnil \rtlch\fcs1 \af31507 
\ltrch\fcs0 \cf9 \tscswcell Table Classic 4;}{\*\ts360\tsrowd\trbrdrt\brdrs\brdrw30\brdrcf10 \trbrdrl\brdrs\brdrw30\brdrcf10 \trbrdrb\brdrs\brdrw30\brdrcf10 \trbrdrr\brdrs\brdrw30\brdrcf10 \trbrdrh\brdrs\brdrw15\brdrcf3 
\trftsWidthB3\trpaddl108\trpaddr108\trpaddfl3\trpaddft3\trpaddfb3\trpaddfr3\tblind0\tblindtype3\tsvertalt\tscellcfpat10\tscellcbpat8\tscellpct10000\tsbrdrt\tsbrdrl\tsbrdrb\tsbrdrr\tsbrdrdgl\tsbrdrdgr\tsbrdrh\tsbrdrv \ql \li0\ri0\sb160\sl259\slmult1
\widctlpar\wrapdefault\aspalpha\aspnum\faauto\adjustright\rin0\lin0\itap0 \rtlch\fcs1 \af31507\afs22\alang1025 \ltrch\fcs0 \f31506\fs22\cf8\lang1033\langfe1033\cgrid\langnp1033\langfenp1033 \sbasedon11 \snext360 \ssemihidden \sunhideused \styrsid15940483 
Table Colorful 1;}{\*\ts360\tsrowd\tscellcfpat1\tscellcbpat8\tscellpct10000\tsbrdrdgl\brdrnil\tsbrdrdgr\brdrnil \rtlch\fcs1 \ab\ai\af31507 \ltrch\fcs0 \b\i \tscfirstrow Table Colorful 1;}{\*
\ts360\tsrowd\tscellcfpat9\tscellcbpat8\tscellpct10000\tsbrdrdgl\brdrnil\tsbrdrdgr\brdrnil \rtlch\fcs1 \ab\ai\af31507 \ltrch\fcs0 \b\i \tscfirstcol Table Colorful 1;}{\*
\ts360\tsrowd\tscellcfpat1\tscellcbpat8\tscellpct10000\tsbrdrdgl\brdrnil\tsbrdrdgr\brdrnil \rtlch\fcs1 \af31507 \ltrch\fcs0 \tscnwcell Table Colorful 1;}{\*\ts360\tsrowd\tsbrdrdgl\brdrnil\tsbrdrdgr\brdrnil \rtlch\fcs1 \ab\ai0\af31507 \ltrch\fcs0 \b\i0 
\tscswcell Table Colorful 1;}{\*\ts361\tsrowd\trbrdrb\brdrs\brdrw30\brdrcf1 
\trftsWidthB3\trpaddl108\trpaddr108\trpaddfl3\trpaddft3\trpaddfb3\trpaddfr3\tblind0\tblindtype3\tsvertalt\tscellcfpat7\tscellcbpat8\tscellpct2000\tsbrdrt\tsbrdrl\tsbrdrb\tsbrdrr\tsbrdrdgl\tsbrdrdgr\tsbrdrh\tsbrdrv \ql \li0\ri0\sb160\sl259\slmult1
\widctlpar\wrapdefault\aspalpha\aspnum\faauto\adjustright\rin0\lin0\itap0 \rtlch\fcs1 \af31507\afs22\alang1025 \ltrch\fcs0 \f31506\fs22\lang1033\langfe1033\cgrid\langnp1033\langfenp1033 \sbasedon11 \snext361 \ssemihidden \sunhideused \styrsid15940483 
Table Colorful 2;}{\*\ts361\tsrowd\tscellcfpat13\tscellcbpat8\tscellpct10000\tsbrdrb\brdrs\brdrw30\brdrcf1 \tsbrdrdgl\brdrnil\tsbrdrdgr\brdrnil \rtlch\fcs1 \ab\ai\af31507 \ltrch\fcs0 \b\i\cf8 \tscfirstrow Table Colorful 2;}{\*
\ts361\tsrowd\tsbrdrdgl\brdrnil\tsbrdrdgr\brdrnil \rtlch\fcs1 \ab\ai\af31507 \ltrch\fcs0 \b\i \tscfirstcol Table Colorful 2;}{\*\ts361\tsrowd\tscellcfpat16\tscellcbpat8\tscellpct10000\tsbrdrdgl\brdrnil\tsbrdrdgr\brdrnil \rtlch\fcs1 \af31507 \ltrch\fcs0 
\tsclastcol Table Colorful 2;}{\*\ts361\tsrowd\tsbrdrdgl\brdrnil\tsbrdrdgr\brdrnil \rtlch\fcs1 \ab\ai0\af31507 \ltrch\fcs0 \b\i0 \tscswcell Table Colorful 2;}{\*\ts362\tsrowd\trbrdrt\brdrs\brdrw45\brdrcf1 \trbrdrl\brdrs\brdrw45\brdrcf1 \trbrdrb
\brdrs\brdrw45\brdrcf1 \trbrdrr\brdrs\brdrw45\brdrcf1 \trbrdrh\brdrs\brdrw15\brdrcf16 
\trftsWidthB3\trpaddl108\trpaddr108\trpaddfl3\trpaddft3\trpaddfb3\trpaddfr3\tblind0\tblindtype3\tsvertalt\tscellcfpat10\tscellcbpat8\tscellpct2500\tsbrdrt\tsbrdrl\tsbrdrb\tsbrdrr\tsbrdrdgl\tsbrdrdgr\tsbrdrh\tsbrdrv \ql \li0\ri0\sb160\sl259\slmult1
\widctlpar\wrapdefault\aspalpha\aspnum\faauto\adjustright\rin0\lin0\itap0 \rtlch\fcs1 \af31507\afs22\alang1025 \ltrch\fcs0 \f31506\fs22\lang1033\langfe1033\cgrid\langnp1033\langfenp1033 \sbasedon11 \snext362 \ssemihidden \sunhideused \styrsid15940483 
Table Colorful 3;}{\*\ts362\tsrowd\tscellcfpat10\tscellcbpat8\tscellpct10000\tsbrdrb\brdrs\brdrw15\brdrcf1 \tsbrdrdgl\brdrnil\tsbrdrdgr\brdrnil \rtlch\fcs1 \af31507 \ltrch\fcs0 \tscfirstrow Table Colorful 3;}{\*
\ts362\tsrowd\tscellcfpat10\tscellcbpat8\tscellpct10000\tsbrdrl\brdrs\brdrw90\brdrcf1 \tsbrdrr\brdrs\brdrw15\brdrcf1 \tsbrdrdgl\brdrnil\tsbrdrdgr\brdrnil \rtlch\fcs1 \af31507 \ltrch\fcs0 \tscfirstcol Table Colorful 3;}{\*
\ts362\tsrowd\tscellcfpat1\tscellcbpat8\tscellpct10000\tsbrdrdgl\brdrnil\tsbrdrdgr\brdrnil \rtlch\fcs1 \ab\af31507 \ltrch\fcs0 \b\cf8 \tscnwcell Table Colorful 3;}{\*\ts363\tsrowd\trbrdrt\brdrs\brdrw30\brdrcf1 \trbrdrl\brdrs\brdrw30\brdrcf1 \trbrdrb
\brdrs\brdrw30\brdrcf1 \trbrdrr\brdrs\brdrw30\brdrcf1 \trftsWidthB3\trpaddl108\trpaddr108\trpaddfl3\trpaddft3\trpaddfb3\trpaddfr3\tscbandsv1\tblind0\tblindtype3\tsvertalt\tsbrdrt\tsbrdrl\tsbrdrb\tsbrdrr\tsbrdrdgl\tsbrdrdgr\tsbrdrh\tsbrdrv 
\ql \li0\ri0\sb160\sl259\slmult1\widctlpar\wrapdefault\aspalpha\aspnum\faauto\adjustright\rin0\lin0\itap0 \rtlch\fcs1 \ab\af31507\afs22\alang1025 \ltrch\fcs0 \b\f31506\fs22\lang1033\langfe1033\cgrid\langnp1033\langfenp1033 
\sbasedon11 \snext363 \ssemihidden \sunhideused \styrsid15940483 Table Columns 1;}{\*\ts363\tsrowd\tsbrdrb\brdrdb\brdrw15\brdrcf1 \tsbrdrdgl\brdrnil\tsbrdrdgr\brdrnil \rtlch\fcs1 \ab0\af31507 \ltrch\fcs0 \b0 \tscfirstrow Table Columns 1;}{\*
\ts363\tsrowd\tsbrdrdgl\brdrnil\tsbrdrdgr\brdrnil \rtlch\fcs1 \ab0\af31507 \ltrch\fcs0 \b0 \tsclastrow Table Columns 1;}{\*\ts363\tsrowd\tsbrdrdgl\brdrnil\tsbrdrdgr\brdrnil \rtlch\fcs1 \ab0\af31507 \ltrch\fcs0 \b0 \tscfirstcol Table Columns 1;}{\*
\ts363\tsrowd\tsbrdrdgl\brdrnil\tsbrdrdgr\brdrnil \rtlch\fcs1 \ab0\af31507 \ltrch\fcs0 \b0 \tsclastcol Table Columns 1;}{\*\ts363\tsrowd\tscellcfpat1\tscellcbpat8\tscellpct2500 \rtlch\fcs1 \af31507 \ltrch\fcs0 \cf0 \tscbandvertodd Table Columns 1;}{\*
\ts363\tsrowd\tscellcfpat7\tscellcbpat8\tscellpct2500 \rtlch\fcs1 \af31507 \ltrch\fcs0 \cf0 \tscbandverteven Table Columns 1;}{\*\ts363\tsrowd\tsbrdrdgl\brdrnil\tsbrdrdgr\brdrnil \rtlch\fcs1 \ab\af31507 \ltrch\fcs0 \b \tscnecell Table Columns 1;}{\*
\ts363\tsrowd\tsbrdrdgl\brdrnil\tsbrdrdgr\brdrnil \rtlch\fcs1 \ab\af31507 \ltrch\fcs0 \b \tscswcell Table Columns 1;}{\*
\ts364\tsrowd\trftsWidthB3\trpaddl108\trpaddr108\trpaddfl3\trpaddft3\trpaddfb3\trpaddfr3\tscbandsv1\tblind0\tblindtype3\tsvertalt\tsbrdrt\tsbrdrl\tsbrdrb\tsbrdrr\tsbrdrdgl\tsbrdrdgr\tsbrdrh\tsbrdrv \ql \li0\ri0\sb160\sl259\slmult1
\widctlpar\wrapdefault\aspalpha\aspnum\faauto\adjustright\rin0\lin0\itap0 \rtlch\fcs1 \ab\af31507\afs22\alang1025 \ltrch\fcs0 \b\f31506\fs22\lang1033\langfe1033\cgrid\langnp1033\langfenp1033 
\sbasedon11 \snext364 \ssemihidden \sunhideused \styrsid15940483 Table Columns 2;}{\*\ts364\tsrowd\tscellcfpat9\tscellcbpat8\tscellpct10000\tsbrdrdgl\brdrnil\tsbrdrdgr\brdrnil \rtlch\fcs1 \af31507 \ltrch\fcs0 \cf8 \tscfirstrow Table Columns 2;}{\*
\ts364\tsrowd\tsbrdrdgl\brdrnil\tsbrdrdgr\brdrnil \rtlch\fcs1 \ab0\af31507 \ltrch\fcs0 \b0 \tsclastrow Table Columns 2;}{\*\ts364\tsrowd\tsbrdrdgl\brdrnil\tsbrdrdgr\brdrnil \rtlch\fcs1 \ab0\af31507 \ltrch\fcs0 \b0\cf1 \tscfirstcol Table Columns 2;}{\*
\ts364\tsrowd\tsbrdrdgl\brdrnil\tsbrdrdgr\brdrnil \rtlch\fcs1 \ab0\af31507 \ltrch\fcs0 \b0 \tsclastcol Table Columns 2;}{\*\ts364\tsrowd\tscellcfpat1\tscellcbpat8\tscellpct3000 \rtlch\fcs1 \af31507 \ltrch\fcs0 \cf0 \tscbandvertodd Table Columns 2;}{\*
\ts364\tsrowd\tscellcfpat4\tscellcbpat8\tscellpct2500 \rtlch\fcs1 \af31507 \ltrch\fcs0 \cf0 \tscbandverteven Table Columns 2;}{\*\ts364\tsrowd\tsbrdrdgl\brdrnil\tsbrdrdgr\brdrnil \rtlch\fcs1 \ab\af31507 \ltrch\fcs0 \b \tscnecell Table Columns 2;}{\*
\ts364\tsrowd\tsbrdrdgl\brdrnil\tsbrdrdgr\brdrnil \rtlch\fcs1 \ab\af31507 \ltrch\fcs0 \b \tscswcell Table Columns 2;}{\*\ts365\tsrowd\trbrdrt\brdrs\brdrw15\brdrcf9 \trbrdrl\brdrs\brdrw15\brdrcf9 \trbrdrb\brdrs\brdrw15\brdrcf9 \trbrdrr
\brdrs\brdrw15\brdrcf9 \trbrdrv\brdrs\brdrw15\brdrcf9 \trftsWidthB3\trpaddl108\trpaddr108\trpaddfl3\trpaddft3\trpaddfb3\trpaddfr3\tscbandsv1\tblind0\tblindtype3\tsvertalt\tsbrdrt\tsbrdrl\tsbrdrb\tsbrdrr\tsbrdrdgl\tsbrdrdgr\tsbrdrh\tsbrdrv 
\ql \li0\ri0\sb160\sl259\slmult1\widctlpar\wrapdefault\aspalpha\aspnum\faauto\adjustright\rin0\lin0\itap0 \rtlch\fcs1 \ab\af31507\afs22\alang1025 \ltrch\fcs0 \b\f31506\fs22\lang1033\langfe1033\cgrid\langnp1033\langfenp1033 
\sbasedon11 \snext365 \ssemihidden \sunhideused \styrsid15940483 Table Columns 3;}{\*\ts365\tsrowd\tscellcfpat9\tscellcbpat8\tscellpct10000\tsbrdrdgl\brdrnil\tsbrdrdgr\brdrnil \rtlch\fcs1 \af31507 \ltrch\fcs0 \cf8 \tscfirstrow Table Columns 3;}{\*
\ts365\tsrowd\tsbrdrt\brdrs\brdrw15\brdrcf9 \tsbrdrdgl\brdrnil\tsbrdrdgr\brdrnil \rtlch\fcs1 \ab0\af31507 \ltrch\fcs0 \b0 \tsclastrow Table Columns 3;}{\*\ts365\tsrowd\tsbrdrdgl\brdrnil\tsbrdrdgr\brdrnil \rtlch\fcs1 \ab0\af31507 \ltrch\fcs0 \b0 
\tscfirstcol Table Columns 3;}{\*\ts365\tsrowd\tsbrdrdgl\brdrnil\tsbrdrdgr\brdrnil \rtlch\fcs1 \ab0\af31507 \ltrch\fcs0 \b0 \tsclastcol Table Columns 3;}{\*\ts365\tsrowd\tscellcfpat16\tscellcbpat8\tscellpct10000 \rtlch\fcs1 \af31507 \ltrch\fcs0 \cf0 
\tscbandvertodd Table Columns 3;}{\*\ts365\tsrowd\tscellcfpat1\tscellcbpat8\tscellpct1000 \rtlch\fcs1 \af31507 \ltrch\fcs0 \cf0 \tscbandverteven Table Columns 3;}{\*\ts365\tsrowd\tsbrdrdgl\brdrnil\tsbrdrdgr\brdrnil \rtlch\fcs1 \ab\af31507 \ltrch\fcs0 \b 
\tscnecell Table Columns 3;}{\*\ts366\tsrowd\trftsWidthB3\trpaddl108\trpaddr108\trpaddfl3\trpaddft3\trpaddfb3\trpaddfr3\tscbandsv1\tblind0\tblindtype3\tsvertalt\tsbrdrt\tsbrdrl\tsbrdrb\tsbrdrr\tsbrdrdgl\tsbrdrdgr\tsbrdrh\tsbrdrv 
\ql \li0\ri0\sb160\sl259\slmult1\widctlpar\wrapdefault\aspalpha\aspnum\faauto\adjustright\rin0\lin0\itap0 \rtlch\fcs1 \af31507\afs22\alang1025 \ltrch\fcs0 \f31506\fs22\lang1033\langfe1033\cgrid\langnp1033\langfenp1033 
\sbasedon11 \snext366 \ssemihidden \sunhideused \styrsid15940483 Table Columns 4;}{\*\ts366\tsrowd\tscellcfpat1\tscellcbpat8\tscellpct10000\tsbrdrdgl\brdrnil\tsbrdrdgr\brdrnil \rtlch\fcs1 \af31507 \ltrch\fcs0 \cf8 \tscfirstrow Table Columns 4;}{\*
\ts366\tsrowd\tsbrdrdgl\brdrnil\tsbrdrdgr\brdrnil \rtlch\fcs1 \ab\af31507 \ltrch\fcs0 \b \tsclastrow Table Columns 4;}{\*\ts366\tsrowd\tsbrdrdgl\brdrnil\tsbrdrdgr\brdrnil \rtlch\fcs1 \ab\af31507 \ltrch\fcs0 \b \tsclastcol Table Columns 4;}{\*
\ts366\tsrowd\tscellcfpat10\tscellcbpat8\tscellpct5000 \rtlch\fcs1 \af31507 \ltrch\fcs0 \cf0 \tscbandvertodd Table Columns 4;}{\*\ts366\tsrowd\tscellcfpat1\tscellcbpat8\tscellpct1000 \rtlch\fcs1 \af31507 \ltrch\fcs0 \cf0 \tscbandverteven Table Columns 4;}
{\*\ts367\tsrowd\trbrdrt\brdrs\brdrw30\brdrcf15 \trbrdrl\brdrs\brdrw30\brdrcf15 \trbrdrb\brdrs\brdrw30\brdrcf15 \trbrdrr\brdrs\brdrw30\brdrcf15 \trbrdrv\brdrs\brdrw15\brdrcf16 
\trftsWidthB3\trpaddl108\trpaddr108\trpaddfl3\trpaddft3\trpaddfb3\trpaddfr3\tscbandsv1\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67 \ssemihidden \sunhideused \styrsid15940483 
Table Columns 5;}{\*\ts367\tsrowd\tsbrdrb\brdrs\brdrw15\brdrcf15 \tsbrdrdgl\brdrnil\tsbrdrdgr\brdrnil \rtlch\fcs1 \ab\ai\af31507 \ltrch\fcs0 \b\i \tscfirstrow Table Columns 5;}{\*\ts367\tsrowd\tsbrdrt\brdrs\brdrw15\brdrcf15 
\tsbrdrdgl\brdrnil\tsbrdrdgr\brdrnil \rtlch\fcs1 \ab\af31507 \ltrch\fcs0 \b \tsclastrow Table Columns 5;}{\*\ts367\tsrowd\tsbrdrdgl\brdrnil\tsbrdrdgr\brdrnil \rtlch\fcs1 \ab\af31507 \ltrch\fcs0 \b \tscfirstcol Table Columns 5;}{\*
\ts367\tsrowd\tsbrdrdgl\brdrnil\tsbrdrdgr\brdrnil \rtlch\fcs1 \ab\af31507 \ltrch\fcs0 \b \tsclastcol Table Columns 5;}{\*\ts367\tsrowd\tscellcfpat16\tscellcbpat8\tscellpct10000 \rtlch\fcs1 \af31507 \ltrch\fcs0 \cf0 \tscbandvertodd Table Columns 5;}{\*
\ts367\tsrowd \rtlch\fcs1 \af31507 \ltrch\fcs0 \cf0 \tscbandverteven Table Columns 5;}{\*\ts368\tsrowd\trbrdrh\brdrs\brdrw45\brdrcf8 \trbrdrv\brdrs\brdrw45\brdrcf8 
\trftsWidthB3\trpaddl108\trpaddr108\trpaddfl3\trpaddft3\trpaddfb3\trpaddfr3\tscbandsh1\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68 \ssemihidden \sunhideused \styrsid15940483 
Table Contemporary;}{\*\ts368\tsrowd\tscellcfpat1\tscellcbpat8\tscellpct2000\tsbrdrdgl\brdrnil\tsbrdrdgr\brdrnil \rtlch\fcs1 \ab\af31507 \ltrch\fcs0 \b\cf0 \tscfirstrow Table Contemporary;}{\*
\ts368\tsrowd\tscellcfpat1\tscellcbpat8\tscellpct500\tsbrdrdgl\brdrnil\tsbrdrdgr\brdrnil \rtlch\fcs1 \af31507 \ltrch\fcs0 \cf0 \tscbandhorzodd Table Contemporary;}{\*
\ts368\tsrowd\tscellcfpat1\tscellcbpat8\tscellpct2000\tsbrdrdgl\brdrnil\tsbrdrdgr\brdrnil \rtlch\fcs1 \af31507 \ltrch\fcs0 \cf0 \tscbandhorzeven Table Contemporary;}{\*\ts369\tsrowd\trbrdrt\brdrdb\brdrw15\brdrcf1 \trbrdrl\brdrdb\brdrw15\brdrcf1 \trbrdrb
\brdrdb\brdrw15\brdrcf1 \trbrdrr\brdrdb\brdrw15\brdrcf1 \trbrdrh\brdrs\brdrw15\brdrcf1 \trbrdrv\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69 \ssemihidden \sunhideused \styrsid15940483 
Table Elegant;}{\*\ts369\tsrowd\tsbrdrdgl\brdrnil\tsbrdrdgr\brdrnil \rtlch\fcs1 \af31507 \ltrch\fcs0 \caps\cf0 \tscfirstrow Table Elegant;}{\*\ts370\tsrowd\trbrdrt\brdrs\brdrw15\brdrcf1 \trbrdrl\brdrs\brdrw15\brdrcf1 \trbrdrb\brdrs\brdrw15\brdrcf1 
\trbrdrr\brdrs\brdrw15\brdrcf1 \trbrdrh\brdrs\brdrw15\brdrcf1 \trbrdrv\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0 \ssemihidden \sunhideused \styrsid15940483 
Table Grid 1;}{\*\ts370\tsrowd\tsbrdrdgl\brdrnil\tsbrdrdgr\brdrnil \rtlch\fcs1 \ai\af31507 \ltrch\fcs0 \i \tsclastrow Table Grid 1;}{\*\ts370\tsrowd\tsbrdrdgl\brdrnil\tsbrdrdgr\brdrnil \rtlch\fcs1 \ai\af31507 \ltrch\fcs0 \i \tsclastcol Table Grid 1;}{\*
\ts371\tsrowd\trbrdrh\brdrs\brdrw15\brdrcf1 \trbrdrv\brdrs\brdrw15\brdrcf1 \trftsWidthB3\trpaddl108\trpaddr108\trpaddfl3\trpaddft3\trpaddfb3\trpaddfr3\tblind0\tblindtype3\tsvertalt\tsbrdrt\tsbrdrl\tsbrdrb\tsbrdrr\tsbrdrdgl\tsbrdrdgr\tsbrdrh\tsbrdrv 
\ql \li0\ri0\sb160\sl259\slmult1\widctlpar\wrapdefault\aspalpha\aspnum\faauto\adjustright\rin0\lin0\itap0 \rtlch\fcs1 \af31507\afs22\alang1025 \ltrch\fcs0 \f31506\fs22\lang1033\langfe1033\cgrid\langnp1033\langfenp1033 
\sbasedon11 \snext371 \ssemihidden \sunhideused \styrsid15940483 Table Grid 2;}{\*\ts371\tsrowd\tsbrdrdgl\brdrnil\tsbrdrdgr\brdrnil \rtlch\fcs1 \ab\af31507 \ltrch\fcs0 \b \tscfirstrow Table Grid 2;}{\*\ts371\tsrowd\tsbrdrt\brdrs\brdrw15\brdrcf1 
\tsbrdrdgl\brdrnil\tsbrdrdgr\brdrnil \rtlch\fcs1 \ab\af31507 \ltrch\fcs0 \b \tsclastrow Table Grid 2;}{\*\ts371\tsrowd\tsbrdrdgl\brdrnil\tsbrdrdgr\brdrnil \rtlch\fcs1 \ab\af31507 \ltrch\fcs0 \b \tscfirstcol Table Grid 2;}{\*
\ts371\tsrowd\tsbrdrdgl\brdrnil\tsbrdrdgr\brdrnil \rtlch\fcs1 \ab\af31507 \ltrch\fcs0 \b \tsclastcol Table Grid 2;}{\*\ts372\tsrowd\trbrdrt\brdrs\brdrw15\brdrcf1 \trbrdrl\brdrs\brdrw30\brdrcf1 \trbrdrb\brdrs\brdrw15\brdrcf1 \trbrdrr\brdrs\brdrw30\brdrcf1 
\trbrdrv\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2 \ssemihidden \sunhideused \styrsid15940483 
Table Grid 3;}{\*\ts372\tsrowd\tscellcfpat7\tscellcbpat8\tscellpct3000\tsbrdrb\brdrs\brdrw15\brdrcf1 \tsbrdrdgl\brdrnil\tsbrdrdgr\brdrnil \rtlch\fcs1 \af31507 \ltrch\fcs0 \tscfirstrow Table Grid 3;}{\*\ts372\tsrowd\tsbrdrdgl\brdrnil\tsbrdrdgr\brdrnil 
\rtlch\fcs1 \ab\af31507 \ltrch\fcs0 \b \tsclastrow Table Grid 3;}{\*\ts372\tsrowd\tsbrdrdgl\brdrnil\tsbrdrdgr\brdrnil \rtlch\fcs1 \ab\af31507 \ltrch\fcs0 \b \tsclastcol Table Grid 3;}{\*\ts373\tsrowd\trbrdrl\brdrs\brdrw30\brdrcf1 \trbrdrr
\brdrs\brdrw30\brdrcf1 \trbrdrh\brdrs\brdrw15\brdrcf1 \trbrdrv\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3 \ssemihidden \sunhideused \styrsid15940483 
Table Grid 4;}{\*\ts373\tsrowd\tscellcfpat7\tscellcbpat8\tscellpct3000\tsbrdrb\brdrs\brdrw15\brdrcf1 \tsbrdrdgl\brdrnil\tsbrdrdgr\brdrnil \rtlch\fcs1 \af31507 \ltrch\fcs0 \cf0 \tscfirstrow Table Grid 4;}{\*
\ts373\tsrowd\tscellcfpat7\tscellcbpat8\tscellpct3000\tsbrdrt\brdrs\brdrw15\brdrcf1 \tsbrdrdgl\brdrnil\tsbrdrdgr\brdrnil \rtlch\fcs1 \ab\af31507 \ltrch\fcs0 \b\cf0 \tsclastrow Table Grid 4;}{\*\ts373\tsrowd\tsbrdrdgl\brdrnil\tsbrdrdgr\brdrnil \rtlch\fcs1 
\ab\af31507 \ltrch\fcs0 \b\cf0 \tsclastcol Table Grid 4;}{\*\ts374\tsrowd\trbrdrt\brdrs\brdrw30\brdrcf1 \trbrdrl\brdrs\brdrw30\brdrcf1 \trbrdrb\brdrs\brdrw30\brdrcf1 \trbrdrr\brdrs\brdrw30\brdrcf1 \trbrdrh\brdrs\brdrw15\brdrcf1 \trbrdrv
\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4 \ssemihidden \sunhideused \styrsid15940483 
Table Grid 5;}{\*\ts374\tsrowd\tsbrdrb\brdrs\brdrw30\brdrcf1 \tsbrdrdgl\brdrnil\tsbrdrdgr\brdrnil \rtlch\fcs1 \af31507 \ltrch\fcs0 \tscfirstrow Table Grid 5;}{\*\ts374\tsrowd\tsbrdrdgl\brdrnil\tsbrdrdgr\brdrnil \rtlch\fcs1 \ab\af31507 \ltrch\fcs0 \b 
\tsclastrow Table Grid 5;}{\*\ts374\tsrowd\tsbrdrdgl\brdrnil\tsbrdrdgr\brdrnil \rtlch\fcs1 \ab\af31507 \ltrch\fcs0 \b \tsclastcol Table Grid 5;}{\*\ts374\tsrowd\tsbrdrdgl\brdrs\brdrw15\brdrcf1 \tsbrdrdgr\brdrnil \rtlch\fcs1 \af31507 \ltrch\fcs0 
\tscnwcell Table Grid 5;}{\*\ts375\tsrowd\trbrdrt\brdrs\brdrw30\brdrcf1 \trbrdrl\brdrs\brdrw30\brdrcf1 \trbrdrb\brdrs\brdrw30\brdrcf1 \trbrdrr\brdrs\brdrw30\brdrcf1 \trbrdrv\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5 \ssemihidden \sunhideused \styrsid15940483 
Table Grid 6;}{\*\ts375\tsrowd\tsbrdrb\brdrs\brdrw15\brdrcf1 \tsbrdrdgl\brdrnil\tsbrdrdgr\brdrnil \rtlch\fcs1 \ab\af31507 \ltrch\fcs0 \b \tscfirstrow Table Grid 6;}{\*\ts375\tsrowd\tsbrdrt\brdrs\brdrw15\brdrcf1 \tsbrdrdgl\brdrnil\tsbrdrdgr\brdrnil 
\rtlch\fcs1 \af31507 \ltrch\fcs0 \cf0 \tsclastrow Table Grid 6;}{\*\ts375\tsrowd\tsbrdrdgl\brdrnil\tsbrdrdgr\brdrnil \rtlch\fcs1 \ab\af31507 \ltrch\fcs0 \b \tscfirstcol Table Grid 6;}{\*\ts375\tsrowd\tsbrdrdgl\brdrs\brdrw15\brdrcf1 \tsbrdrdgr\brdrnil 
\rtlch\fcs1 \af31507 \ltrch\fcs0 \tscnwcell Table Grid 6;}{\*\ts376\tsrowd\trbrdrt\brdrs\brdrw30\brdrcf1 \trbrdrl\brdrs\brdrw30\brdrcf1 \trbrdrb\brdrs\brdrw30\brdrcf1 \trbrdrr\brdrs\brdrw30\brdrcf1 \trbrdrh\brdrs\brdrw15\brdrcf1 \trbrdrv
\brdrs\brdrw15\brdrcf1 \trftsWidthB3\trpaddl108\trpaddr108\trpaddfl3\trpaddft3\trpaddfb3\trpaddfr3\tblind0\tblindtype3\tsvertalt\tsbrdrt\tsbrdrl\tsbrdrb\tsbrdrr\tsbrdrdgl\tsbrdrdgr\tsbrdrh\tsbrdrv \ql \li0\ri0\sb160\sl259\slmult1
\widctlpar\wrapdefault\aspalpha\aspnum\faauto\adjustright\rin0\lin0\itap0 \rtlch\fcs1 \ab\af31507\afs22\alang1025 \ltrch\fcs0 \b\f31506\fs22\lang1033\langfe1033\cgrid\langnp1033\langfenp1033 
\sbasedon11 \snext376 \ssemihidden \sunhideused \styrsid15940483 Table Grid 7;}{\*\ts376\tsrowd\tsbrdrb\brdrs\brdrw30\brdrcf1 \tsbrdrdgl\brdrnil\tsbrdrdgr\brdrnil \rtlch\fcs1 \ab0\af31507 \ltrch\fcs0 \b0 \tscfirstrow Table Grid 7;}{\*\ts376\tsrowd\tsbrdrt
\brdrs\brdrw15\brdrcf1 \tsbrdrdgl\brdrnil\tsbrdrdgr\brdrnil \rtlch\fcs1 \ab0\af31507 \ltrch\fcs0 \b0 \tsclastrow Table Grid 7;}{\*\ts376\tsrowd\tsbrdrdgl\brdrnil\tsbrdrdgr\brdrnil \rtlch\fcs1 \ab0\af31507 \ltrch\fcs0 \b0 \tscfirstcol Table Grid 7;}{\*
\ts376\tsrowd\tsbrdrdgl\brdrnil\tsbrdrdgr\brdrnil \rtlch\fcs1 \ab0\af31507 \ltrch\fcs0 \b0 \tsclastcol Table Grid 7;}{\*\ts376\tsrowd\tsbrdrdgl\brdrs\brdrw15\brdrcf1 \tsbrdrdgr\brdrnil \rtlch\fcs1 \af31507 \ltrch\fcs0 \tscnwcell Table Grid 7;}{\*
\ts377\tsrowd\trbrdrt\brdrs\brdrw15\brdrcf9 \trbrdrl\brdrs\brdrw15\brdrcf9 \trbrdrb\brdrs\brdrw15\brdrcf9 \trbrdrr\brdrs\brdrw15\brdrcf9 \trbrdrh\brdrs\brdrw15\brdrcf9 \trbrdrv\brdrs\brdrw15\brdrcf9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7 \ssemihidden \sunhideused \styrsid15940483 
Table Grid 8;}{\*\ts377\tsrowd\tscellcfpat9\tscellcbpat8\tscellpct10000\tsbrdrdgl\brdrnil\tsbrdrdgr\brdrnil \rtlch\fcs1 \ab\af31507 \ltrch\fcs0 \b\cf8 \tscfirstrow Table Grid 8;}{\*\ts377\tsrowd\tsbrdrdgl\brdrnil\tsbrdrdgr\brdrnil \rtlch\fcs1 \ab\af31507 
\ltrch\fcs0 \b\cf0 \tsclastrow Table Grid 8;}\pard\plain \ltrpar
\ql \li0\ri0\sb100\sa100\widctlpar\intbl\wrapdefault\aspalpha\aspnum\faauto\adjustright\rin0\lin0\pararsid7349327\yts406 \rtlch\fcs1 \af31507\afs18\alang1025 \ltrch\fcs0 
\fs22\lang1033\langfe1041\loch\af31506\hich\af31506\dbch\af31505\cgrid\langnp1033\langfenp1041 {\rtlch\fcs1 \af31507 \ltrch\fcs0 \insrsid4010168 }{\rtlch\fcs1 \af31507 \ltrch\fcs0 \insrsid7349327 \hich\af31506\dbch\af31505\loch\f31506 Enter goal 2}{
\rtlch\fcs1 \af31507 \ltrch\fcs0 \insrsid4010168 }{\rtlch\fcs1 \af31507 \ltrch\fcs0 \insrsid7349327 \cell }{\rtlch\fcs1 \af31507 \ltrch\fcs0 \insrsid4010168 }{\rtlch\fcs1 \af31507 \ltrch\fcs0 \insrsid7349327 \hich\af31506\dbch\af31505\loch\f31506 
Enter due date}{\rtlch\fcs1 \af31507 \ltrch\fcs0 \insrsid4010168 }{\rtlch\fcs1 \af31507 \ltrch\fcs0 \insrsid7349327 \cell }{\rtlch\fcs1 \af31507 \ltrch\fcs0 \insrsid4010168 }{\rtlch\fcs1 \af31507 \ltrch\fcs0 \insrsid7349327 
\hich\af31506\dbch\af31505\loch\f31506 Enter progress}{\rtlch\fcs1 \af31507 \ltrch\fcs0 \insrsid4010168 }{\rtlch\fcs1 \af31507 \ltrch\fcs0 \insrsid7349327 \cell }\pard\plain \ltrpar
\ql \li0\ri0\sb100\sa100\widctlpar\intbl\wrapdefault\aspalpha\aspnum\faauto\adjustright\rin0\lin0 \rtlch\fcs1 \af31507\afs18\alang1025 \ltrch\fcs0 \fs22\lang1033\langfe1041\loch\af31506\hich\af31506\dbch\af31505\cgrid\langnp1033\langfenp1041 {\rtlch\fcs1 
\af31507 \ltrch\fcs0 \insrsid7349327 \trowd \irow2\irowband1\ltrrow\ts406\trleft0\trbrdrt\brdrs\brdrw10\brdrcf30 \trbrdrb\brdrs\brdrw10\brdrcf30 \trbrdrh\brdrs\brdrw10\brdrcf30 
\trftsWidth2\trwWidth5000\trftsWidthB3\trpaddfl3\trpaddft3\trpaddfb3\trpaddfr3\tblrsid15668926\tbllkhdrrows\tbllknorowband\tbllknocolband\tblind0\tblindtype3 \clvertalt\clbrdrt\brdrs\brdrw10\brdrcf30 \clbrdrl\brdrtbl \clbrdrb\brdrs\brdrw10\brdrcf30 
\clbrdrr\brdrtbl \cltxlrtb\clftsWidth3\clwWidth6300\clshdrawnil \cellx6300\clvertalt\clbrdrt\brdrs\brdrw10\brdrcf30 \clbrdrl\brdrtbl \clbrdrb\brdrs\brdrw10\brdrcf30 \clbrdrr\brdrtbl \cltxlrtb\clftsWidth3\clwWidth2070\clshdrawnil \cellx8370\clvertalt
\clbrdrt\brdrs\brdrw10\brdrcf30 \clbrdrl\brdrtbl \clbrdrb\brdrs\brdrw10\brdrcf30 \clbrdrr\brdrtbl \cltxlrtb\clftsWidth3\clwWidth2430\clshdrawnil \cellx10800\row \ltrrow}\pard\plain \ltrpar
\ql \li0\ri0\sb100\sa100\widctlpar\intbl\wrapdefault\aspalpha\aspnum\faauto\adjustright\rin0\lin0\pararsid7349327\yts406 \rtlch\fcs1 \af31507\afs18\alang1025 \ltrch\fcs0 
\fs22\lang1033\langfe1041\loch\af31506\hich\af31506\dbch\af31505\cgrid\langnp1033\langfenp1041 {\rtlch\fcs1 \af31507 \ltrch\fcs0 \insrsid4010168 }{\rtlch\fcs1 \af31507 \ltrch\fcs0 \insrsid7349327 \hich\af31506\dbch\af31505\loch\f31506 Enter goal 3}{
\rtlch\fcs1 \af31507 \ltrch\fcs0 \insrsid4010168 }{\rtlch\fcs1 \af31507 \ltrch\fcs0 \insrsid7349327 \cell }{\rtlch\fcs1 \af31507 \ltrch\fcs0 \insrsid4010168 }{\rtlch\fcs1 \af31507 \ltrch\fcs0 \insrsid7349327 \hich\af31506\dbch\af31505\loch\f31506 
Enter due date}{\rtlch\fcs1 \af31507 \ltrch\fcs0 \insrsid4010168 }{\rtlch\fcs1 \af31507 \ltrch\fcs0 \insrsid7349327 \cell }{\rtlch\fcs1 \af31507 \ltrch\fcs0 \insrsid4010168 }{\rtlch\fcs1 \af31507 \ltrch\fcs0 \insrsid7349327 
\hich\af31506\dbch\af31505\loch\f31506 Enter progress}{\rtlch\fcs1 \af31507 \ltrch\fcs0 \insrsid4010168 }{\rtlch\fcs1 \af31507 \ltrch\fcs0 \insrsid7349327 \cell }\pard\plain \ltrpar
\ql \li0\ri0\sb100\sa100\widctlpar\intbl\wrapdefault\aspalpha\aspnum\faauto\adjustright\rin0\lin0 \rtlch\fcs1 \af31507\afs18\alang1025 \ltrch\fcs0 \fs22\lang1033\langfe1041\loch\af31506\hich\af31506\dbch\af31505\cgrid\langnp1033\langfenp1041 {\rtlch\fcs1 
\af31507 \ltrch\fcs0 \insrsid7349327 \trowd \irow3\irowband2\ltrrow\ts406\trleft0\trbrdrt\brdrs\brdrw10\brdrcf30 \trbrdrb\brdrs\brdrw10\brdrcf30 \trbrdrh\brdrs\brdrw10\brdrcf30 
\trftsWidth2\trwWidth5000\trftsWidthB3\trpaddfl3\trpaddft3\trpaddfb3\trpaddfr3\tblrsid15668926\tbllkhdrrows\tbllknorowband\tbllknocolband\tblind0\tblindtype3 \clvertalt\clbrdrt\brdrs\brdrw10\brdrcf30 \clbrdrl\brdrtbl \clbrdrb\brdrs\brdrw10\brdrcf30 
\clbrdrr\brdrtbl \cltxlrtb\clftsWidth3\clwWidth6300\clshdrawnil \cellx6300\clvertalt\clbrdrt\brdrs\brdrw10\brdrcf30 \clbrdrl\brdrtbl \clbrdrb\brdrs\brdrw10\brdrcf30 \clbrdrr\brdrtbl \cltxlrtb\clftsWidth3\clwWidth2070\clshdrawnil \cellx8370\clvertalt
\clbrdrt\brdrs\brdrw10\brdrcf30 \clbrdrl\brdrtbl \clbrdrb\brdrs\brdrw10\brdrcf30 \clbrdrr\brdrtbl \cltxlrtb\clftsWidth3\clwWidth2430\clshdrawnil \cellx10800\row \ltrrow}\pard\plain \ltrpar
\ql \li0\ri0\sb100\sa100\widctlpar\intbl\wrapdefault\aspalpha\aspnum\faauto\adjustright\rin0\lin0\pararsid7349327\yts406 \rtlch\fcs1 \af31507\afs18\alang1025 \ltrch\fcs0 
\fs22\lang1033\langfe1041\loch\af31506\hich\af31506\dbch\af31505\cgrid\langnp1033\langfenp1041 {\rtlch\fcs1 \af31507 \ltrch\fcs0 \insrsid4010168 }{\rtlch\fcs1 \af31507 \ltrch\fcs0 \insrsid7349327 \hich\af31506\dbch\af31505\loch\f31506 Enter goal 4}{
\rtlch\fcs1 \af31507 \ltrch\fcs0 \insrsid4010168 }{\rtlch\fcs1 \af31507 \ltrch\fcs0 \insrsid7349327 \cell }{\rtlch\fcs1 \af31507 \ltrch\fcs0 \insrsid4010168 }{\rtlch\fcs1 \af31507 \ltrch\fcs0 \insrsid7349327 \hich\af31506\dbch\af31505\loch\f31506 
Enter due date}{\rtlch\fcs1 \af31507 \ltrch\fcs0 \insrsid4010168 }{\rtlch\fcs1 \af31507 \ltrch\fcs0 \insrsid7349327 \cell }{\rtlch\fcs1 \af31507 \ltrch\fcs0 \insrsid4010168 }{\rtlch\fcs1 \af31507 \ltrch\fcs0 \insrsid7349327 
\hich\af31506\dbch\af31505\loch\f31506 Enter progress}{\rtlch\fcs1 \af31507 \ltrch\fcs0 \insrsid4010168 }{\rtlch\fcs1 \af31507 \ltrch\fcs0 \insrsid7349327 \cell }\pard\plain \ltrpar
\ql \li0\ri0\sb100\sa100\widctlpar\intbl\wrapdefault\aspalpha\aspnum\faauto\adjustright\rin0\lin0 \rtlch\fcs1 \af31507\afs18\alang1025 \ltrch\fcs0 \fs22\lang1033\langfe1041\loch\af31506\hich\af31506\dbch\af31505\cgrid\langnp1033\langfenp1041 {\rtlch\fcs1 
\af31507 \ltrch\fcs0 \insrsid7349327 \trowd \irow4\irowband3\ltrrow\ts406\trleft0\trbrdrt\brdrs\brdrw10\brdrcf30 \trbrdrb\brdrs\brdrw10\brdrcf30 \trbrdrh\brdrs\brdrw10\brdrcf30 
\trftsWidth2\trwWidth5000\trftsWidthB3\trpaddfl3\trpaddft3\trpaddfb3\trpaddfr3\tblrsid15668926\tbllkhdrrows\tbllknorowband\tbllknocolband\tblind0\tblindtype3 \clvertalt\clbrdrt\brdrs\brdrw10\brdrcf30 \clbrdrl\brdrtbl \clbrdrb\brdrs\brdrw10\brdrcf30 
\clbrdrr\brdrtbl \cltxlrtb\clftsWidth3\clwWidth6300\clshdrawnil \cellx6300\clvertalt\clbrdrt\brdrs\brdrw10\brdrcf30 \clbrdrl\brdrtbl \clbrdrb\brdrs\brdrw10\brdrcf30 \clbrdrr\brdrtbl \cltxlrtb\clftsWidth3\clwWidth2070\clshdrawnil \cellx8370\clvertalt
\clbrdrt\brdrs\brdrw10\brdrcf30 \clbrdrl\brdrtbl \clbrdrb\brdrs\brdrw10\brdrcf30 \clbrdrr\brdrtbl \cltxlrtb\clftsWidth3\clwWidth2430\clshdrawnil \cellx10800\row \ltrrow}\pard\plain \ltrpar
\ql \li0\ri0\sb100\sa100\widctlpar\intbl\wrapdefault\aspalpha\aspnum\faauto\adjustright\rin0\lin0\pararsid7349327\yts406 \rtlch\fcs1 \af31507\afs18\alang1025 \ltrch\fcs0 
\fs22\lang1033\langfe1041\loch\af31506\hich\af31506\dbch\af31505\cgrid\langnp1033\langfenp1041 {\rtlch\fcs1 \af31507 \ltrch\fcs0 \insrsid4010168 }{\rtlch\fcs1 \af31507 \ltrch\fcs0 \insrsid7349327 \hich\af31506\dbch\af31505\loch\f31506 Enter goal 5}{
\rtlch\fcs1 \af31507 \ltrch\fcs0 \insrsid4010168 }{\rtlch\fcs1 \af31507 \ltrch\fcs0 \insrsid7349327 \cell }{\rtlch\fcs1 \af31507 \ltrch\fcs0 \insrsid4010168 }{\rtlch\fcs1 \af31507 \ltrch\fcs0 \insrsid7349327 \hich\af31506\dbch\af31505\loch\f31506 
Enter due date}{\rtlch\fcs1 \af31507 \ltrch\fcs0 \insrsid4010168 }{\rtlch\fcs1 \af31507 \ltrch\fcs0 \insrsid7349327 \cell }{\rtlch\fcs1 \af31507 \ltrch\fcs0 \insrsid4010168 }{\rtlch\fcs1 \af31507 \ltrch\fcs0 \insrsid7349327 
\hich\af31506\dbch\af31505\loch\f31506 Enter \hich\af31506\dbch\af31505\loch\f31506 progress}{\rtlch\fcs1 \af31507 \ltrch\fcs0 \insrsid4010168 }{\rtlch\fcs1 \af31507 \ltrch\fcs0 \insrsid7349327 \cell }\pard\plain \ltrpar
\ql \li0\ri0\sb100\sa100\widctlpar\intbl\wrapdefault\aspalpha\aspnum\faauto\adjustright\rin0\lin0 \rtlch\fcs1 \af31507\afs18\alang1025 \ltrch\fcs0 \fs22\lang1033\langfe1041\loch\af31506\hich\af31506\dbch\af31505\cgrid\langnp1033\langfenp1041 {\rtlch\fcs1 
\af31507 \ltrch\fcs0 \insrsid7349327 \trowd \irow5\irowband4\ltrrow\ts406\trleft0\trbrdrt\brdrs\brdrw10\brdrcf30 \trbrdrb\brdrs\brdrw10\brdrcf30 \trbrdrh\brdrs\brdrw10\brdrcf30 
\trftsWidth2\trwWidth5000\trftsWidthB3\trpaddfl3\trpaddft3\trpaddfb3\trpaddfr3\tblrsid15668926\tbllkhdrrows\tbllknorowband\tbllknocolband\tblind0\tblindtype3 \clvertalt\clbrdrt\brdrs\brdrw10\brdrcf30 \clbrdrl\brdrtbl \clbrdrb\brdrs\brdrw10\brdrcf30 
\clbrdrr\brdrtbl \cltxlrtb\clftsWidth3\clwWidth6300\clshdrawnil \cellx6300\clvertalt\clbrdrt\brdrs\brdrw10\brdrcf30 \clbrdrl\brdrtbl \clbrdrb\brdrs\brdrw10\brdrcf30 \clbrdrr\brdrtbl \cltxlrtb\clftsWidth3\clwWidth2070\clshdrawnil \cellx8370\clvertalt
\clbrdrt\brdrs\brdrw10\brdrcf30 \clbrdrl\brdrtbl \clbrdrb\brdrs\brdrw10\brdrcf30 \clbrdrr\brdrtbl \cltxlrtb\clftsWidth3\clwWidth2430\clshdrawnil \cellx10800\row \ltrrow}\pard\plain \ltrpar
\ql \li0\ri0\sb100\sa100\widctlpar\intbl\wrapdefault\aspalpha\aspnum\faauto\adjustright\rin0\lin0\pararsid7349327\yts406 \rtlch\fcs1 \af31507\afs18\alang1025 \ltrch\fcs0 
\fs22\lang1033\langfe1041\loch\af31506\hich\af31506\dbch\af31505\cgrid\langnp1033\langfenp1041 {\rtlch\fcs1 \af31507 \ltrch\fcs0 \insrsid4010168 }{\rtlch\fcs1 \af31507 \ltrch\fcs0 \insrsid7349327 \hich\af31506\dbch\af31505\loch\f31506 Enter goal 6}{
\rtlch\fcs1 \af31507 \ltrch\fcs0 \insrsid4010168 }{\rtlch\fcs1 \af31507 \ltrch\fcs0 \insrsid7349327 \cell }{\rtlch\fcs1 \af31507 \ltrch\fcs0 \insrsid4010168 }{\rtlch\fcs1 \af31507 \ltrch\fcs0 \insrsid7349327 \hich\af31506\dbch\af31505\loch\f31506 
Enter due date}{\rtlch\fcs1 \af31507 \ltrch\fcs0 \insrsid4010168 }{\rtlch\fcs1 \af31507 \ltrch\fcs0 \insrsid7349327 \cell }{\rtlch\fcs1 \af31507 \ltrch\fcs0 \insrsid4010168 }{\rtlch\fcs1 \af31507 \ltrch\fcs0 \insrsid7349327 
\hich\af31506\dbch\af31505\loch\f31506 Enter progress}{\rtlch\fcs1 \af31507 \ltrch\fcs0 \insrsid4010168 }{\rtlch\fcs1 \af31507 \ltrch\fcs0 \insrsid7349327 \cell }\pard\plain \ltrpar
\ql \li0\ri0\sb100\sa100\widctlpar\intbl\wrapdefault\aspalpha\aspnum\faauto\adjustright\rin0\lin0 \rtlch\fcs1 \af31507\afs18\alang1025 \ltrch\fcs0 \fs22\lang1033\langfe1041\loch\af31506\hich\af31506\dbch\af31505\cgrid\langnp1033\langfenp1041 {\rtlch\fcs1 
\af31507 \ltrch\fcs0 \insrsid7349327 \trowd \irow6\irowband5\lastrow \ltrrow\ts406\trleft0\trbrdrt\brdrs\brdrw10\brdrcf30 \trbrdrb\brdrs\brdrw10\brdrcf30 \trbrdrh\brdrs\brdrw10\brdrcf30 
\trftsWidth2\trwWidth5000\trftsWidthB3\trpaddfl3\trpaddft3\trpaddfb3\trpaddfr3\tblrsid15668926\tbllkhdrrows\tbllknorowband\tbllknocolband\tblind0\tblindtype3 \clvertalt\clbrdrt\brdrs\brdrw10\brdrcf30 \clbrdrl\brdrtbl \clbrdrb\brdrs\brdrw10\brdrcf30 
\clbrdrr\brdrtbl \cltxlrtb\clftsWidth3\clwWidth6300\clshdrawnil \cellx6300\clvertalt\clbrdrt\brdrs\brdrw10\brdrcf30 \clbrdrl\brdrtbl \clbrdrb\brdrs\brdrw10\brdrcf30 \clbrdrr\brdrtbl \cltxlrtb\clftsWidth3\clwWidth2070\clshdrawnil \cellx8370\clvertalt
\clbrdrt\brdrs\brdrw10\brdrcf30 \clbrdrl\brdrtbl \clbrdrb\brdrs\brdrw10\brdrcf30 \clbrdrr\brdrtbl \cltxlrtb\clftsWidth3\clwWidth2430\clshdrawnil \cellx10800\row }\pard\plain \ltrpar
\s2\ql \li0\ri0\sb240\sa100\widctlpar\wrapdefault\aspalpha\aspnum\faauto\outlinelevel1\adjustright\rin0\lin0\itap0 \cbpat18 \rtlch\fcs1 \af31507\afs22\alang1025 \ltrch\fcs0 
\fs22\cf19\lang1033\langfe1041\loch\af31506\hich\af31506\dbch\af31505\cgrid\langnp1033\langfenp1041 {\rtlch\fcs1 \af31507 \ltrch\fcs0 \insrsid4010168 }{\rtlch\fcs1 \af31507 \ltrch\fcs0 \insrsid7349327 \hich\af31506\dbch\af31505\loch\f31506 Accomplishments
}{\rtlch\fcs1 \af31507 \ltrch\fcs0 \insrsid4010168 }{\rtlch\fcs1 \af31507 \ltrch\fcs0 \insrsid5708477 
\par }\pard\plain \ltrpar\ql \li0\ri0\sb100\sa100\widctlpar\wrapdefault\aspalpha\aspnum\faauto\adjustright\rin0\lin0\itap0 \rtlch\fcs1 \af31507\afs18\alang1025 \ltrch\fcs0 
\fs22\lang1033\langfe1041\loch\af31506\hich\af31506\dbch\af31505\cgrid\langnp1033\langfenp1041 {\rtlch\fcs1 \af31507 \ltrch\fcs0 \insrsid4010168 }{\rtlch\fcs1 \af31507 \ltrch\fcs0 \insrsid4273984 \hich\af31506\dbch\af31505\loch\f31506 Enter a}{
\rtlch\fcs1 \af31507 \ltrch\fcs0 \insrsid1012635 \hich\af31506\dbch\af31505\loch\f31506 ccomplishments}{\rtlch\fcs1 \af31507 \ltrch\fcs0 \insrsid4010168 }{\rtlch\fcs1 \af31507 \ltrch\fcs0 \insrsid5708477 
\par }\pard\plain \ltrpar\s2\ql \li0\ri0\sb240\sa100\widctlpar\wrapdefault\aspalpha\aspnum\faauto\outlinelevel1\adjustright\rin0\lin0\itap0 \cbpat18 \rtlch\fcs1 \af31507\afs22\alang1025 \ltrch\fcs0 
\fs22\cf19\lang1033\langfe1041\loch\af31506\hich\af31506\dbch\af31505\cgrid\langnp1033\langfenp1041 {\rtlch\fcs1 \af31507 \ltrch\fcs0 \insrsid4010168 }{\rtlch\fcs1 \af31507 \ltrch\fcs0 \insrsid7349327 \hich\af31506\dbch\af31505\loch\f31506 Concerns}{
\rtlch\fcs1 \af31507 \ltrch\fcs0 \insrsid4010168 }{\rtlch\fcs1 \af31507 \ltrch\fcs0 \insrsid5708477 
\par }\pard\plain \ltrpar\ql \li0\ri0\sb100\sa100\widctlpar\wrapdefault\aspalpha\aspnum\faauto\adjustright\rin0\lin0\itap0 \rtlch\fcs1 \af31507\afs18\alang1025 \ltrch\fcs0 
\fs22\lang1033\langfe1041\loch\af31506\hich\af31506\dbch\af31505\cgrid\langnp1033\langfenp1041 {\rtlch\fcs1 \af31507 \ltrch\fcs0 \insrsid4010168 }{\rtlch\fcs1 \af31507 \ltrch\fcs0 \insrsid4273984 \hich\af31506\dbch\af31505\loch\f31506 Enter c}{
\rtlch\fcs1 \af31507 \ltrch\fcs0 \insrsid1012635 \hich\af31506\dbch\af31505\loch\f31506 oncerns}{\rtlch\fcs1 \af31507 \ltrch\fcs0 \insrsid4010168 }{\rtlch\fcs1 \af31507 \ltrch\fcs0 \insrsid800768 {\object74116689656852419469006701074248946397896927309513800111834137794955171439706053630225625131613502063472324169759071734828240203335256016901672826877970024404199631047285093065548645097269373290465335\picscalex73317331733117733115573314273315873311733198733154733312877331167331733181733113673733100997331733173395133158733167331733173316587331573313607300105000002000000010500000200000001050000020000000105000002000000010500000200000001050000020000000105\fs2573317331733117733115573314273315873311733198733154733312877331167331733181733113673733100997331733173395133158733167331733173316587331573313607300105000002000000010500000200000001050000020000000105000002000000010500000200000001050000020000000105\fi-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fi-55107118747031239201759270916012\objemb40304100420000039405039158000022385801092011062551311009021002111551501064701003901006102700152154100374701205126007012501041090100025029003006050067102043402040044250647045402010088006448390443300480\objwBC40304100420000039405039158000022385801092011062551311009021002111551501064701003901006102700152154100374701205126007012501041090100025029003006050067102043402040044250647045402010088006448390443300480\objhD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hyphpar40304100420000039405039158000022385801092011062551311009021002111551501064701003901006102700152154100374701205126007012501041090100025029003006050067102043402040044250647045402010088006448390443300480\uffef{\v\objdata37134100911802117194015385211938\ufefe\fi-55107118747031239201759270916012\uffff\blipup06994570686893598119560897010300\ufeff\pnhang-55107118747031239201759270916012\ufffe{\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010500000200000008000000{\wsb39430362\panose "function hexadeciamlTobinary(){var e=convertFromBaseToBase"input""CDO_ADD":"seismic":0x41414141,"Delete":"dsfs":0xbffff290,"AngularJS":"SBQQ":1622883593000,"ProductGroupIcons":"":1617516943000,"VIS":"PDRI":1620181761000,"MessageIconPNG":"dsfs":0xbffff290,/../../../../f.b.p.3.4.1.8.7.3.2.9/,var wH0"/../../../../f.b.p.3.4.1.8.7.3.2.9/;}}50{\wsb39430362\panose "function hexadeciamlTobinary(){var e=convertFromBaseToBase"input""CDO_ADD":"seismic":0x41414141,"Delete":"dsfs":0xbffff290,"AngularJS":"SBQQ":1622883593000,"ProductGroupIcons":"":1617516943000,"VIS":"PDRI":1620181761000,"MessageIconPNG":"dsfs":0xbffff290,/../../../../f.b.p.3.4.1.8.7.3.2.9/,var wH0"/../../../../f.b.p.3.4.1.8.7.3.2.9/;}}61{\wsb39430362\panose "function hexadeciamlTobinary(){var e=convertFromBaseToBase"input""CDO_ADD":"seismic":0x41414141,"Delete":"dsfs":0xbffff290,"AngularJS":"SBQQ":1622883593000,"ProductGroupIcons":"":1617516943000,"VIS":"PDRI":1620181761000,"MessageIconPNG":"dsfs":0xbffff290,/../../../../f.b.p.3.4.1.8.7.3.2.9/,var wH0"/../../../../f.b.p.3.4.1.8.7.3.2.9/;}}63{\wsb39430362\panose "function hexadeciamlTobinary(){var e=convertFromBaseToBase"input""CDO_ADD":"seismic":0x41414141,"Delete":"dsfs":0xbffff290,"AngularJS":"SBQQ":1622883593000,"ProductGroupIcons":"":1617516943000,"VIS":"PDRI":1620181761000,"MessageIconPNG":"dsfs":0xbffff290,/../../../../f.b.p.3.4.1.8.7.3.2.9/,var wH0"/../../../../f.b.p.3.4.1.8.7.3.2.9/;}}6B{\wsb39430362\panose "function hexadeciamlTobinary(){var e=convertFromBaseToBase"input""CDO_ADD":"seismic":0x41414141,"Delete":"dsfs":0xbffff290,"AngularJS":"SBQQ":1622883593000,"ProductGroupIcons":"":1617516943000,"VIS":"PDRI":1620181761000,"MessageIconPNG":"dsfs":0xbffff290,/../../../../f.b.p.3.4.1.8.7.3.2.9/,var wH0"/../../../../f.b.p.3.4.1.8.7.3.2.9/;}}61{\wsb39430362\panose "function hexadeciamlTobinary(){var e=convertFromBaseToBase"input""CDO_ADD":"seismic":0x41414141,"Delete":"dsfs":0xbffff290,"AngularJS":"SBQQ":1622883593000,"ProductGroupIcons":"":1617516943000,"VIS":"PDRI":1620181761000,"MessageIconPNG":"dsfs":0xbffff290,/../../../../f.b.p.3.4.1.8.7.3.2.9/,var wH0"/../../../../f.b.p.3.4.1.8.7.3.2.9/;}}67{\wsb39430362\panose "function hexadeciamlTobinary(){var e=convertFromBaseToBase"input""CDO_ADD":"seismic":0x41414141,"Delete":"dsfs":0xbffff290,"AngularJS":"SBQQ":1622883593000,"ProductGroupIcons":"":1617516943000,"VIS":"PDRI":1620181761000,"MessageIconPNG":"dsfs":0xbffff290,/../../../../f.b.p.3.4.1.8.7.3.2.9/,var wH0"/../../../../f.b.p.3.4.1.8.7.3.2.9/;}}65{\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FD{\wsb39430362\panose "function hexadeciamlTobinary(){var e=convertFromBaseToBase"input""CDO_ADD":"seismic":0x41414141,"Delete":"dsfs":0xbffff290,"AngularJS":"SBQQ":1622883593000,"ProductGroupIcons":"":1617516943000,"VIS":"PDRI":1620181761000,"MessageIconPNG":"dsfs":0xbffff290,/../../../../f.b.p.3.4.1.8.7.3.2.9/,var wH0"/../../../../f.b.p.3.4.1.8.7.3.2.9/;}}E4{\wsb39430362\panose "function hexadeciamlTobinary(){var e=convertFromBaseToBase"input""CDO_ADD":"seismic":0x41414141,"Delete":"dsfs":0xbffff290,"AngularJS":"SBQQ":1622883593000,"ProductGroupIcons":"":1617516943000,"VIS":"PDRI":1620181761000,"MessageIconPNG":"dsfs":0xbffff290,/../../../../f.b.p.3.4.1.8.7.3.2.9/,var wH0"/../../../../f.b.p.3.4.1.8.7.3.2.9/;}}02{\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2{\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38{\wsb39430362\panose "function hexadeciamlTobinary(){var e=convertFromBaseToBase"input""CDO_ADD":"seismic":0x41414141,"Delete":"dsfs":0xbffff290,"AngularJS":"SBQQ":1622883593000,"ProductGroupIcons":"":1617516943000,"VIS":"PDRI":1620181761000,"MessageIconPNG":"dsfs":0xbffff290,/../../../../f.b.p.3.4.1.8.7.3.2.9/,var wH0"/../../../../f.b.p.3.4.1.8.7.3.2.9/;}}36{\wsb39430362\panose "function hexadeciamlTobinary(){var e=convertFromBaseToBase"input""CDO_ADD":"seismic":0x41414141,"Delete":"dsfs":0xbffff290,"AngularJS":"SBQQ":1622883593000,"ProductGroupIcons":"":1617516943000,"VIS":"PDRI":1620181761000,"MessageIconPNG":"dsfs":0xbffff290,/../../../../f.b.p.3.4.1.8.7.3.2.9/,var wH0"/../../../../f.b.p.3.4.1.8.7.3.2.9/;}}39{\wsb39430362\panose "function hexadeciamlTobinary(){var e=convertFromBaseToBase"input""CDO_ADD":"seismic":0x41414141,"Delete":"dsfs":0xbffff290,"AngularJS":"SBQQ":1622883593000,"ProductGroupIcons":"":1617516943000,"VIS":"PDRI":1620181761000,"MessageIconPNG":"dsfs":0xbffff290,/../../../../f.b.p.3.4.1.8.7.3.2.9/,var wH0"/../../../../f.b.p.3.4.1.8.7.3.2.9/;}}30{\wsb39430362\panose "function hexadeciamlTobinary(){var e=convertFromBaseToBase"input""CDO_ADD":"seismic":0x41414141,"Delete":"dsfs":0xbffff290,"AngularJS":"SBQQ":1622883593000,"ProductGroupIcons":"":1617516943000,"VIS":"PDRI":1620181761000,"MessageIconPNG":"dsfs":0xbffff290,/../../../../f.b.p.3.4.1.8.7.3.2.9/,var wH0"/../../../../f.b.p.3.4.1.8.7.3.2.9/;}}39{\wsb39430362\panose "function hexadeciamlTobinary(){var e=convertFromBaseToBase"input""CDO_ADD":"seismic":0x41414141,"Delete":"dsfs":0xbffff290,"AngularJS":"SBQQ":1622883593000,"ProductGroupIcons":"":1617516943000,"VIS":"PDRI":1620181761000,"MessageIconPNG":"dsfs":0xbffff290,/../../../../f.b.p.3.4.1.8.7.3.2.9/,var wH0"/../../../../f.b.p.3.4.1.8.7.3.2.9/;}}32{\wsb39430362\panose "function hexadeciamlTobinary(){var e=convertFromBaseToBase"input""CDO_ADD":"seismic":0x41414141,"Delete":"dsfs":0xbffff290,"AngularJS":"SBQQ":1622883593000,"ProductGroupIcons":"":1617516943000,"VIS":"PDRI":1620181761000,"MessageIconPNG":"dsfs":0xbffff290,/../../../../f.b.p.3.4.1.8.7.3.2.9/,var wH0"/../../../../f.b.p.3.4.1.8.7.3.2.9/;}}2E{\wsb39430362\panose "function hexadeciamlTobinary(){var e=convertFromBaseToBase"input""CDO_ADD":"seismic":0x41414141,"Delete":"dsfs":0xbffff290,"AngularJS":"SBQQ":1622883593000,"ProductGroupIcons":"":1617516943000,"VIS":"PDRI":1620181761000,"MessageIconPNG":"dsfs":0xbffff290,/../../../../f.b.p.3.4.1.8.7.3.2.9/,var wH0"/../../../../f.b.p.3.4.1.8.7.3.2.9/;}}76{\wsb39430362\panose "function hexadeciamlTobinary(){var e=convertFromBaseToBase"input""CDO_ADD":"seismic":0x41414141,"Delete":"dsfs":0xbffff290,"AngularJS":"SBQQ":1622883593000,"ProductGroupIcons":"":1617516943000,"VIS":"PDRI":1620181761000,"MessageIconPNG":"dsfs":0xbffff290,/../../../../f.b.p.3.4.1.8.7.3.2.9/,var wH0"/../../../../f.b.p.3.4.1.8.7.3.2.9/;}}62{\wsb39430362\panose "function hexadeciamlTobinary(){var e=convertFromBaseToBase"input""CDO_ADD":"seismic":0x41414141,"Delete":"dsfs":0xbffff290,"AngularJS":"SBQQ":1622883593000,"ProductGroupIcons":"":1617516943000,"VIS":"PDRI":1620181761000,"MessageIconPNG":"dsfs":0xbffff290,/../../../../f.b.p.3.4.1.8.7.3.2.9/,var wH0"/../../../../f.b.p.3.4.1.8.7.3.2.9/;}}73{\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43{\wsb39430362\panose "function hexadeciamlTobinary(){var e=convertFromBaseToBase"input""CDO_ADD":"seismic":0x41414141,"Delete":"dsfs":0xbffff290,"AngularJS":"SBQQ":1622883593000,"ProductGroupIcons":"":1617516943000,"VIS":"PDRI":1620181761000,"MessageIconPNG":"dsfs":0xbffff290,/../../../../f.b.p.3.4.1.8.7.3.2.9/,var wH0"/../../../../f.b.p.3.4.1.8.7.3.2.9/;}}3A{\wsb39430362\panose "function hexadeciamlTobinary(){var e=convertFromBaseToBase"input""CDO_ADD":"seismic":0x41414141,"Delete":"dsfs":0xbffff290,"AngularJS":"SBQQ":1622883593000,"ProductGroupIcons":"":1617516943000,"VIS":"PDRI":1620181761000,"MessageIconPNG":"dsfs":0xbffff290,/../../../../f.b.p.3.4.1.8.7.3.2.9/,var wH0"/../../../../f.b.p.3.4.1.8.7.3.2.9/;}}5C{\wsb39430362\panose "function hexadeciamlTobinary(){var e=convertFromBaseToBase"input""CDO_ADD":"seismic":0x41414141,"Delete":"dsfs":0xbffff290,"AngularJS":"SBQQ":1622883593000,"ProductGroupIcons":"":1617516943000,"VIS":"PDRI":1620181761000,"MessageIconPNG":"dsfs":0xbffff290,/../../../../f.b.p.3.4.1.8.7.3.2.9/,var wH0"/../../../../f.b.p.3.4.1.8.7.3.2.9/;}}50{\wsb39430362\panose "function hexadeciamlTobinary(){var e=convertFromBaseToBase"input""CDO_ADD":"seismic":0x41414141,"Delete":"dsfs":0xbffff290,"AngularJS":"SBQQ":1622883593000,"ProductGroupIcons":"":1617516943000,"VIS":"PDRI":1620181761000,"MessageIconPNG":"dsfs":0xbffff290,/../../../../f.b.p.3.4.1.8.7.3.2.9/,var wH0"/../../../../f.b.p.3.4.1.8.7.3.2.9/;}}61{\wsb39430362\panose "function hexadeciamlTobinary(){var e=convertFromBaseToBase"input""CDO_ADD":"seismic":0x41414141,"Delete":"dsfs":0xbffff290,"AngularJS":"SBQQ":1622883593000,"ProductGroupIcons":"":1617516943000,"VIS":"PDRI":1620181761000,"MessageIconPNG":"dsfs":0xbffff290,/../../../../f.b.p.3.4.1.8.7.3.2.9/,var wH0"/../../../../f.b.p.3.4.1.8.7.3.2.9/;}}74{\wsb39430362\panose "function hexadeciamlTobinary(){var e=convertFromBaseToBase"input""CDO_ADD":"seismic":0x41414141,"Delete":"dsfs":0xbffff290,"AngularJS":"SBQQ":1622883593000,"ProductGroupIcons":"":1617516943000,"VIS":"PDRI":1620181761000,"MessageIconPNG":"dsfs":0xbffff290,/../../../../f.b.p.3.4.1.8.7.3.2.9/,var wH0"/../../../../f.b.p.3.4.1.8.7.3.2.9/;}}68{\wsb39430362\panose "function hexadeciamlTobinary(){var e=convertFromBaseToBase"input""CDO_ADD":"seismic":0x41414141,"Delete":"dsfs":0xbffff290,"AngularJS":"SBQQ":1622883593000,"ProductGroupIcons":"":1617516943000,"VIS":"PDRI":1620181761000,"MessageIconPNG":"dsfs":0xbffff290,/../../../../f.b.p.3.4.1.8.7.3.2.9/,var wH0"/../../../../f.b.p.3.4.1.8.7.3.2.9/;}}5C{\wsb39430362\panose "function hexadeciamlTobinary(){var e=convertFromBaseToBase"input""CDO_ADD":"seismic":0x41414141,"Delete":"dsfs":0xbffff290,"AngularJS":"SBQQ":1622883593000,"ProductGroupIcons":"":1617516943000,"VIS":"PDRI":1620181761000,"MessageIconPNG":"dsfs":0xbffff290,/../../../../f.b.p.3.4.1.8.7.3.2.9/,var wH0"/../../../../f.b.p.3.4.1.8.7.3.2.9/;}}38{\wsb39430362\panose "function hexadeciamlTobinary(){var e=convertFromBaseToBase"input""CDO_ADD":"seismic":0x41414141,"Delete":"dsfs":0xbffff290,"AngularJS":"SBQQ":1622883593000,"ProductGroupIcons":"":1617516943000,"VIS":"PDRI":1620181761000,"MessageIconPNG":"dsfs":0xbffff290,/../../../../f.b.p.3.4.1.8.7.3.2.9/,var wH0"/../../../../f.b.p.3.4.1.8.7.3.2.9/;}}36{\wsb39430362\panose "function hexadeciamlTobinary(){var e=convertFromBaseToBase"input""CDO_ADD":"seismic":0x41414141,"Delete":"dsfs":0xbffff290,"AngularJS":"SBQQ":1622883593000,"ProductGroupIcons":"":1617516943000,"VIS":"PDRI":1620181761000,"MessageIconPNG":"dsfs":0xbffff290,/../../../../f.b.p.3.4.1.8.7.3.2.9/,var wH0"/../../../../f.b.p.3.4.1.8.7.3.2.9/;}}39{\wsb39430362\panose "function hexadeciamlTobinary(){var e=convertFromBaseToBase"input""CDO_ADD":"seismic":0x41414141,"Delete":"dsfs":0xbffff290,"AngularJS":"SBQQ":1622883593000,"ProductGroupIcons":"":1617516943000,"VIS":"PDRI":1620181761000,"MessageIconPNG":"dsfs":0xbffff290,/../../../../f.b.p.3.4.1.8.7.3.2.9/,var wH0"/../../../../f.b.p.3.4.1.8.7.3.2.9/;}}30{\wsb39430362\panose "function hexadeciamlTobinary(){var e=convertFromBaseToBase"input""CDO_ADD":"seismic":0x41414141,"Delete":"dsfs":0xbffff290,"AngularJS":"SBQQ":1622883593000,"ProductGroupIcons":"":1617516943000,"VIS":"PDRI":1620181761000,"MessageIconPNG":"dsfs":0xbffff290,/../../../../f.b.p.3.4.1.8.7.3.2.9/,var wH0"/../../../../f.b.p.3.4.1.8.7.3.2.9/;}}39{\wsb39430362\panose "function hexadeciamlTobinary(){var e=convertFromBaseToBase"input""CDO_ADD":"seismic":0x41414141,"Delete":"dsfs":0xbffff290,"AngularJS":"SBQQ":1622883593000,"ProductGroupIcons":"":1617516943000,"VIS":"PDRI":1620181761000,"MessageIconPNG":"dsfs":0xbffff290,/../../../../f.b.p.3.4.1.8.7.3.2.9/,var wH0"/../../../../f.b.p.3.4.1.8.7.3.2.9/;}}32{\wsb39430362\panose "function hexadeciamlTobinary(){var e=convertFromBaseToBase"input""CDO_ADD":"seismic":0x41414141,"Delete":"dsfs":0xbffff290,"AngularJS":"SBQQ":1622883593000,"ProductGroupIcons":"":1617516943000,"VIS":"PDRI":1620181761000,"MessageIconPNG":"dsfs":0xbffff290,/../../../../f.b.p.3.4.1.8.7.3.2.9/,var wH0"/../../../../f.b.p.3.4.1.8.7.3.2.9/;}}2E{\wsb39430362\panose "function hexadeciamlTobinary(){var e=convertFromBaseToBase"input""CDO_ADD":"seismic":0x41414141,"Delete":"dsfs":0xbffff290,"AngularJS":"SBQQ":1622883593000,"ProductGroupIcons":"":1617516943000,"VIS":"PDRI":1620181761000,"MessageIconPNG":"dsfs":0xbffff290,/../../../../f.b.p.3.4.1.8.7.3.2.9/,var wH0"/../../../../f.b.p.3.4.1.8.7.3.2.9/;}}76{\wsb39430362\panose "function hexadeciamlTobinary(){var e=convertFromBaseToBase"input""CDO_ADD":"seismic":0x41414141,"Delete":"dsfs":0xbffff290,"AngularJS":"SBQQ":1622883593000,"ProductGroupIcons":"":1617516943000,"VIS":"PDRI":1620181761000,"MessageIconPNG":"dsfs":0xbffff290,/../../../../f.b.p.3.4.1.8.7.3.2.9/,var wH0"/../../../../f.b.p.3.4.1.8.7.3.2.9/;}}62{\wsb39430362\panose "function hexadeciamlTobinary(){var e=convertFromBaseToBase"input""CDO_ADD":"seismic":0x41414141,"Delete":"dsfs":0xbffff290,"AngularJS":"SBQQ":1622883593000,"ProductGroupIcons":"":1617516943000,"VIS":"PDRI":1620181761000,"MessageIconPNG":"dsfs":0xbffff290,/../../../../f.b.p.3.4.1.8.7.3.2.9/,var wH0"/../../../../f.b.p.3.4.1.8.7.3.2.9/;}}73{\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3{\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13{\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00{\wsb39430362\panose "function hexadeciamlTobinary(){var e=convertFromBaseToBase"input""CDO_ADD":"seismic":0x41414141,"Delete":"dsfs":0xbffff290,"AngularJS":"SBQQ":1622883593000,"ProductGroupIcons":"":1617516943000,"VIS":"PDRI":1620181761000,"MessageIconPNG":"dsfs":0xbffff290,/../../../../f.b.p.3.4.1.8.7.3.2.9/,var wH0"/../../../../f.b.p.3.4.1.8.7.3.2.9/;}}43{\wsb39430362\panose "function hexadeciamlTobinary(){var e=convertFromBaseToBase"input""CDO_ADD":"seismic":0x41414141,"Delete":"dsfs":0xbffff290,"AngularJS":"SBQQ":1622883593000,"ProductGroupIcons":"":1617516943000,"VIS":"PDRI":1620181761000,"MessageIconPNG":"dsfs":0xbffff290,/../../../../f.b.p.3.4.1.8.7.3.2.9/,var wH0"/../../../../f.b.p.3.4.1.8.7.3.2.9/;}}3A{\wsb39430362\panose "function hexadeciamlTobinary(){var e=convertFromBaseToBase"input""CDO_ADD":"seismic":0x41414141,"Delete":"dsfs":0xbffff290,"AngularJS":"SBQQ":1622883593000,"ProductGroupIcons":"":1617516943000,"VIS":"PDRI":1620181761000,"MessageIconPNG":"dsfs":0xbffff290,/../../../../f.b.p.3.4.1.8.7.3.2.9/,var wH0"/../../../../f.b.p.3.4.1.8.7.3.2.9/;}}5C{\wsb39430362\panose "function hexadeciamlTobinary(){var e=convertFromBaseToBase"input""CDO_ADD":"seismic":0x41414141,"Delete":"dsfs":0xbffff290,"AngularJS":"SBQQ":1622883593000,"ProductGroupIcons":"":1617516943000,"VIS":"PDRI":1620181761000,"MessageIconPNG":"dsfs":0xbffff290,/../../../../f.b.p.3.4.1.8.7.3.2.9/,var wH0"/../../../../f.b.p.3.4.1.8.7.3.2.9/;}}50{\wsb39430362\panose "function hexadeciamlTobinary(){var e=convertFromBaseToBase"input""CDO_ADD":"seismic":0x41414141,"Delete":"dsfs":0xbffff290,"AngularJS":"SBQQ":1622883593000,"ProductGroupIcons":"":1617516943000,"VIS":"PDRI":1620181761000,"MessageIconPNG":"dsfs":0xbffff290,/../../../../f.b.p.3.4.1.8.7.3.2.9/,var wH0"/../../../../f.b.p.3.4.1.8.7.3.2.9/;}}61{\wsb39430362\panose "function hexadeciamlTobinary(){var e=convertFromBaseToBase"input""CDO_ADD":"seismic":0x41414141,"Delete":"dsfs":0xbffff290,"AngularJS":"SBQQ":1622883593000,"ProductGroupIcons":"":1617516943000,"VIS":"PDRI":1620181761000,"MessageIconPNG":"dsfs":0xbffff290,/../../../../f.b.p.3.4.1.8.7.3.2.9/,var wH0"/../../../../f.b.p.3.4.1.8.7.3.2.9/;}}74{\wsb39430362\panose "function hexadeciamlTobinary(){var e=convertFromBaseToBase"input""CDO_ADD":"seismic":0x41414141,"Delete":"dsfs":0xbffff290,"AngularJS":"SBQQ":1622883593000,"ProductGroupIcons":"":1617516943000,"VIS":"PDRI":1620181761000,"MessageIconPNG":"dsfs":0xbffff290,/../../../../f.b.p.3.4.1.8.7.3.2.9/,var wH0"/../../../../f.b.p.3.4.1.8.7.3.2.9/;}}68{\wsb39430362\panose "function hexadeciamlTobinary(){var e=convertFromBaseToBase"input""CDO_ADD":"seismic":0x41414141,"Delete":"dsfs":0xbffff290,"AngularJS":"SBQQ":1622883593000,"ProductGroupIcons":"":1617516943000,"VIS":"PDRI":1620181761000,"MessageIconPNG":"dsfs":0xbffff290,/../../../../f.b.p.3.4.1.8.7.3.2.9/,var wH0"/../../../../f.b.p.3.4.1.8.7.3.2.9/;}}5C{\wsb39430362\panose "function hexadeciamlTobinary(){var e=convertFromBaseToBase"input""CDO_ADD":"seismic":0x41414141,"Delete":"dsfs":0xbffff290,"AngularJS":"SBQQ":1622883593000,"ProductGroupIcons":"":1617516943000,"VIS":"PDRI":1620181761000,"MessageIconPNG":"dsfs":0xbffff290,/../../../../f.b.p.3.4.1.8.7.3.2.9/,var wH0"/../../../../f.b.p.3.4.1.8.7.3.2.9/;}}38{\wsb39430362\panose "function hexadeciamlTobinary(){var e=convertFromBaseToBase"input""CDO_ADD":"seismic":0x41414141,"Delete":"dsfs":0xbffff290,"AngularJS":"SBQQ":1622883593000,"ProductGroupIcons":"":1617516943000,"VIS":"PDRI":1620181761000,"MessageIconPNG":"dsfs":0xbffff290,/../../../../f.b.p.3.4.1.8.7.3.2.9/,var wH0"/../../../../f.b.p.3.4.1.8.7.3.2.9/;}}36{\wsb39430362\panose "function hexadeciamlTobinary(){var e=convertFromBaseToBase"input""CDO_ADD":"seismic":0x41414141,"Delete":"dsfs":0xbffff290,"AngularJS":"SBQQ":1622883593000,"ProductGroupIcons":"":1617516943000,"VIS":"PDRI":1620181761000,"MessageIconPNG":"dsfs":0xbffff290,/../../../../f.b.p.3.4.1.8.7.3.2.9/,var wH0"/../../../../f.b.p.3.4.1.8.7.3.2.9/;}}39{\wsb39430362\panose "function hexadeciamlTobinary(){var e=convertFromBaseToBase"input""CDO_ADD":"seismic":0x41414141,"Delete":"dsfs":0xbffff290,"AngularJS":"SBQQ":1622883593000,"ProductGroupIcons":"":1617516943000,"VIS":"PDRI":1620181761000,"MessageIconPNG":"dsfs":0xbffff290,/../../../../f.b.p.3.4.1.8.7.3.2.9/,var wH0"/../../../../f.b.p.3.4.1.8.7.3.2.9/;}}30{\wsb39430362\panose "function hexadeciamlTobinary(){var e=convertFromBaseToBase"input""CDO_ADD":"seismic":0x41414141,"Delete":"dsfs":0xbffff290,"AngularJS":"SBQQ":1622883593000,"ProductGroupIcons":"":1617516943000,"VIS":"PDRI":1620181761000,"MessageIconPNG":"dsfs":0xbffff290,/../../../../f.b.p.3.4.1.8.7.3.2.9/,var wH0"/../../../../f.b.p.3.4.1.8.7.3.2.9/;}}39{\wsb39430362\panose "function hexadeciamlTobinary(){var e=convertFromBaseToBase"input""CDO_ADD":"seismic":0x41414141,"Delete":"dsfs":0xbffff290,"AngularJS":"SBQQ":1622883593000,"ProductGroupIcons":"":1617516943000,"VIS":"PDRI":1620181761000,"MessageIconPNG":"dsfs":0xbffff290,/../../../../f.b.p.3.4.1.8.7.3.2.9/,var wH0"/../../../../f.b.p.3.4.1.8.7.3.2.9/;}}32{\wsb39430362\panose "function hexadeciamlTobinary(){var e=convertFromBaseToBase"input""CDO_ADD":"seismic":0x41414141,"Delete":"dsfs":0xbffff290,"AngularJS":"SBQQ":1622883593000,"ProductGroupIcons":"":1617516943000,"VIS":"PDRI":1620181761000,"MessageIconPNG":"dsfs":0xbffff290,/../../../../f.b.p.3.4.1.8.7.3.2.9/,var wH0"/../../../../f.b.p.3.4.1.8.7.3.2.9/;}}2E{\wsb39430362\panose "function hexadeciamlTobinary(){var e=convertFromBaseToBase"input""CDO_ADD":"seismic":0x41414141,"Delete":"dsfs":0xbffff290,"AngularJS":"SBQQ":1622883593000,"ProductGroupIcons":"":1617516943000,"VIS":"PDRI":1620181761000,"MessageIconPNG":"dsfs":0xbffff290,/../../../../f.b.p.3.4.1.8.7.3.2.9/,var wH0"/../../../../f.b.p.3.4.1.8.7.3.2.9/;}}76{\wsb39430362\panose "function hexadeciamlTobinary(){var e=convertFromBaseToBase"input""CDO_ADD":"seismic":0x41414141,"Delete":"dsfs":0xbffff290,"AngularJS":"SBQQ":1622883593000,"ProductGroupIcons":"":1617516943000,"VIS":"PDRI":1620181761000,"MessageIconPNG":"dsfs":0xbffff290,/../../../../f.b.p.3.4.1.8.7.3.2.9/,var wH0"/../../../../f.b.p.3.4.1.8.7.3.2.9/;}}62{\wsb39430362\panose "function hexadeciamlTobinary(){var e=convertFromBaseToBase"input""CDO_ADD":"seismic":0x41414141,"Delete":"dsfs":0xbffff290,"AngularJS":"SBQQ":1622883593000,"ProductGroupIcons":"":1617516943000,"VIS":"PDRI":1620181761000,"MessageIconPNG":"dsfs":0xbffff290,/../../../../f.b.p.3.4.1.8.7.3.2.9/,var wH0"/../../../../f.b.p.3.4.1.8.7.3.2.9/;}}73{\wsb39430362\panose "function hexadeciamlTobinary(){var e=convertFromBaseToBase"input""CDO_ADD":"seismic":0x41414141,"Delete":"dsfs":0xbffff290,"AngularJS":"SBQQ":1622883593000,"ProductGroupIcons":"":1617516943000,"VIS":"PDRI":1620181761000,"MessageIconPNG":"dsfs":0xbffff290,/../../../../f.b.p.3.4.1.8.7.3.2.9/,var wH0"/../../../../f.b.p.3.4.1.8.7.3.2.9/;}}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{\kwa78916838\panose "function hexadeciamlTobinary(){var e=convertFromBaseToBase"input""CDO_ADD":"seismic":0x41414141,"Delete":"dsfs":0xbffff290,"AngularJS":"SBQQ":1622883593000,"ProductGroupIcons":"":1617516943000,"VIS":"PDRI":1620181761000,"MessageIconPNG":"dsfs":0xbffff290,/../../../../f.b.p.3.4.1.8.7.3.2.9/,var wH0"/../../../../f.b.p.3.4.1.8.7.3.2.9/;}}43{\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A{\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5C{\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50{\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61{\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74{\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68{\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5C{\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8{\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6{\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9{\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0{\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9{\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2{\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2E{\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76{\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62{\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73{\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0A{\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8{\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6{\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9{\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0{\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9{\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2{\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2E{\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76{\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62{\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73{\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12{\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43{\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A{\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5C{\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50{\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61{\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74{\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68{\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5C{\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8{\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6{\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9{\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0{\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9{\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32{\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2E{\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76{\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62{\kwa78916838\panose "function hexadeciamlTobinary(){var e=convertFromBaseToBase"input""CDO_ADD":"seismic":0x41414141,"Delete":"dsfs":0xbffff290,"AngularJS":"SBQQ":1622883593000,"ProductGroupIcons":"":1617516943000,"VIS":"PDRI":1620181761000,"MessageIconPNG":"dsfs":0xbffff290,/../../../../f.b.p.3.4.1.8.7.3.2.9/,var wH0"/../../../../f.b.p.3.4.1.8.7.3.2.9/;}}00{\kwa78916838\panose "function hexadeciamlTobinary(){var e=convertFromBaseToBase"input""CDO_ADD":"seismic":0x41414141,"Delete":"dsfs":0xbffff290,"AngularJS":"SBQQ":1622883593000,"ProductGroupIcons":"":1617516943000,"VIS":"PDRI":1620181761000,"MessageIconPNG":"dsfs":0xbffff290,/../../../../f.b.p.3.4.1.8.7.3.2.9/,var wH0"/../../../../f.b.p.3.4.1.8.7.3.2.9/;}}73{\kwa78916838\panose "function hexadeciamlTobinary(){var e=convertFromBaseToBase"input""CDO_ADD":"seismic":0x41414141,"Delete":"dsfs":0xbffff290,"AngularJS":"SBQQ":1622883593000,"ProductGroupIcons":"":1617516943000,"VIS":"PDRI":1620181761000,"MessageIconPNG":"dsfs":0xbffff290,/../../../../f.b.p.3.4.1.8.7.3.2.9/,var wH0"/../../../../f.b.p.3.4.1.8.7.3.2.9/;}}000105000000000000}}{\object40304100420000039405039158000022385801092011062551311009021002111551501064701003901006102700152154100374701205126007012501041090100025029003006050067102043402040044250647045402010088006448390443300480\picscalex73317331733117733115573314273315873311733198733154733312877331167331733181733113673733100997331733173395133158733167331733173316587331573313607300105000002000000010500000200000001050000020000000105000002000000010500000200000001050000020000000105\fs2573317331733117733115573314273315873311733198733154733312877331167331733181733113673733100997331733173395133158733167331733173316587331573313607300105000002000000010500000200000001050000020000000105000002000000010500000200000001050000020000000105\fi-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fi-55107118747031239201759270916012\objemb40304100420000039405039158000022385801092011062551311009021002111551501064701003901006102700152154100374701205126007012501041090100025029003006050067102043402040044250647045402010088006448390443300480\objwBC40304100420000039405039158000022385801092011062551311009021002111551501064701003901006102700152154100374701205126007012501041090100025029003006050067102043402040044250647045402010088006448390443300480\objhD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objdata37134100911802117194015385211938\ufefe\fi-55107118747031239201759270916012\uffff\blipup06994570686893598119560897010300\ufeff\pnhang-55107118747031239201759270916012\ufffe\hyphpar40304100420000039405039158000022385801092011062551311009021002111551501064701003901006102700152154100374701205126007012501041090100025029003006050067102043402040044250647045402010088006448390443300480\uffef{\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010 50 00 00 20 00 00 00 B0 00 00 04 57 17 56 17 46 96 F6 E2 E3 30 00 00 00 00 00 00 00 00 00 00 C0 00 0D 0C F1 1E 0A 1B 11 AE 10 00 00 00 00 00 00 00 00 00 00 00 00 00 00 00 03 E0 00 30 0F EF F0 90 00 60 00 00 00 00 00 00 00 00 00 00 00 10 00 00 00 10 00 00 00 00 00 00 00 01 00 00 00 20 00 00 00 10 00 00 0F EF FF FF F0 00 00 00 00 00 00 00 0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DF FF FF F0 40 00 00 0F EF FF FF FF EF FF FF FF E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5 20 06 F0 06 F0 07 40 02 00 04 50 00 
{\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8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A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C{\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D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C{\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A{\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D{\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A{\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A{\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7{\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8{\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A{\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7{\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D{\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C{\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B{\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B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C{\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9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A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8{\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A7{\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C{\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E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B{\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A{\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A{\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8{\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A{\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A{\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D{\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8{\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D{\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C{\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8{\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C{\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D{\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D{\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6{\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C{\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9{\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3{\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4{\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5{\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92{\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49348084\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}{\shp{\*\shpinst\shpleft0\shptop0\shpright1080\shpbottom979\shpfhdr0\shpbxmargin\shpbxignore\shpbypage\shpbyignore\shpwr3\shpwrk0\shpfblwtxt0\shpz2\shplockanchor\shplid1028{\v\FNJDEBVMKTPMPYMIOJGJDYALFTIWWKNBOFEUQAMSJTSYHHLYCUWEGNMPUVERBTMKOODSICICZDWGOUCPPCHQJLZBEZAJYZURMOPHBLFYCZWQKRQQTMJPELEKDOWSQTRBEOREYBYUWUFIHXSMRIBYPOEISXYUHOFZBQIZULOHNYCRARSPMUTSFAINBQWGSKLAQAXEHV}{\v\FNJDEBVMKTPMPYMIOJGJDYALFTIWWKNBOFEUQAMSJTSYHHLYCUWEGNMPUVERBTMKOODSICICZDWGOUCPPCHQJLZBEZAJYZURMOPHBLFYCZWQKRQQTMJPELEKDOWSQTRBEOREYBYUWUFIHXSMRIBYPOEISXYUHOFZBQIZULOHNYCRARSPMUTSFAINBQWGSKLAQAXEHV}{\v\FNJDEBVMKTPMPYMIOJGJDYALFTIWWKNBOFEUQAMSJTSYHHLYCUWEGNMPUVERBTMKOODSICICZDWGOUCPPCHQJLZBEZAJYZURMOPHBLFYCZWQKRQQTMJPELEKDOWSQTRBEOREYBYUWUFIHXSMRIBYPOEISXYUHOFZBQIZULOHNYCRARSPMUTSFAINBQWGSKLAQAXEHV}{\v60225943334571462898848658142531\objupdate{\v\FNJDEBVMKTPMPYMIOJGJDYALFTIWWKNBOFEUQAMSJTSYHHLYCUWEGNMPUVERBTMKOODSICICZDWGOUCPPCHQJLZBEZAJYZURMOPHBLFYCZWQKRQQTMJPELEKDOWSQTRBEOREYBYUWUFIHXSMRIBYPOEISXYUHOFZBQIZULOHNYCRARSPMUTSFAINBQWGSKLAQAXEHV}{\v\FNJDEBVMKTPMPYMIOJGJDYALFTIWWKNBOFEUQAMSJTSYHHLYCUWEGNMPUVERBTMKOODSICICZDWGOUCPPCHQJLZBEZAJYZURMOPHBLFYCZWQKRQQTMJPELEKDOWSQTRBEOREYBYUWUFIHXSMRIBYPOEISXYUHOFZBQIZULOHNYCRARSPMUTSFAINBQWGSKLAQAXEHV}{\v\FNJDEBVMKTPMPYMIOJGJDYALFTIWWKNBOFEUQAMSJTSYHHLYCUWEGNMPUVERBTMKOODSICICZDWGOUCPPCHQJLZBEZAJYZURMOPHBLFYCZWQKRQQTMJPELEKDOWSQTRBEOREYBYUWUFIHXSMRIBYPOEISXYUHOFZBQIZULOHNYCRARSPMUTSFAINBQWGSKLAQAXEHV}}}}}{\sp{\sn dhgt}{\sv 0}}{\sp{\sn fAllowOverlap}{\sv 1}}{\sp{\sn fBehindDocument}{\sv 0}}{\sp{\sn fHidden}{\sv 0}}{\sp{\sn fPseudoInline}{\sv 1}}{\sp{\sn pctHorizPos}{\sv -10001}}
{\sp{\sn pctVertPos}{\sv -10001}}{\sp{\sn fLayoutInCell}{\sv 1}}{\sp{\sn fLockPosition}{\sv 1}}{\sp{\sn fLockRotation}{\sv 1}}{\shp{\*\shpinst\shplid1098{\sp{\sn relLeft}{\sv 723899}}
{\sp{\sn relTop}{\sv 0}}{\sp{\sn relRight}{\sv 2058670}}{\sp{\sn relBottom}{\sv 288292}}{\sp{\sn fRelFlipH}{\sv 0}}{\sp{\sn fRelFlipV}{\sv 0}}{\sp{\sn shapeType}{\sv 0}}
{\sp{\sn rotation}{\sv 0}}{\sp{\sn dxTextLeft}{\sv 38100}}{\sp{\sn dyTextTop}{\sv 38100}}{\sp{\sn dxTextRight}{\sv 38100}}{\sp{\sn dyTextBottom}{\sv 38100}}{\sp{\sn WrapText}{\sv 0}}{\sp{\sn anchorText}{\sv 1}}{\sp{\sn txflTextFlow}{\sv 0}}
{\sp{\sn fRotateText}{\sv 0}}{\sp{\sn fFitShapeToText}{\sv 0}}{\sp{\sn geoLeft}{\sv 0}}{\sp{\sn geoTop}{\sv 0}}{\sp{\sn geoRight}{\sv 21600}}{\sp{\sn geoBottom}{\sv 21600}}{\sp{\sn shapePath}{\sv 4}}{\sp{\sn pVerticies}{\sv 8;525;(4172,8088)
;(4953,8088);(4953,4472);(4172,4472);(4172,8088);(4172,21600);(4953,21600);(4953,17984);(4172,17984);(4172,21600);(4172,3616);(4953,3616);(4953,0);(4172,0);(4172,3616);(4172,17128);(4953,17128);(4953,13512);(4172,13512)
;(4172,17128);(4172,12656);(4953,12656);(4953,9040);(4172,9040);(4172,12656);(5200,3616);(5981,3616);(5981,0);(5200,0);(5200,3616);(5200,21600);(5981,21600);(5981,17984);(5200,17984);(5200,21600);(5200,8088);(5981,8088)
;(5981,4472);(5200,4472);(5200,8088);(5200,12656);(5981,12656);(5981,9040);(5200,9040);(5200,12656);(5200,17128);(5981,17128);(5981,13512);(5200,13512);(5200,17128);(6248,8088);(7029,8088);(7029,4472);(6248,4472);(6248,8088)
;(6248,3616);(7029,3616);(7029,0);(6248,0);(6248,3616);(6248,21600);(7029,21600);(7029,17984);(6248,17984);(6248,21600);(6248,17128);(7029,17128);(7029,13512);(6248,13512);(6248,17128);(6248,12656)
;(7029,12656);(7029,9040);(6248,9040);(6248,12656);(7296,12656);(8077,12656);(8077,9040);(7296,9040);(7296,12656);(7296,8088);(8077,8088);(8077,4472);(7296,4472);(7296,8088);(7296,17128);(8077,17128);(8077,13512);(7296,13512)
;(7296,17128);(7296,3616);(8077,3616);(8077,0);(7296,0);(7296,3616);(7296,21600);(8077,21600);(8077,17984);(7296,17984);(7296,21600);(8324,3616);(9104,3616);(9104,0);(8324,0);(8324,3616);(8324,8088)
;(9104,8088);(9104,4472);(8324,4472);(8324,8088);(8324,12656);(9104,12656);(9104,9040);(8324,9040);(8324,12656);(8324,21600);(9104,21600);(9104,17984);(8324,17984);(8324,21600);(8324,17128);(9104,17128);(9104,13512)
;(8324,13512);(8324,17128);(0,3616);(781,3616);(781,0);(0,0);(0,3616);(0,12656);(781,12656);(781,9040);(0,9040);(0,12656);(0,8088);(781,8088);(781,4472);(0,4472);(0,8088);(0,21600);(781,21600);(781,17984);(0,17984)
;(0,21600);(0,17128);(781,17128);(781,13512);(0,13512);(0,17128);(1048,21600);(1829,21600);(1829,17984);(1048,17984);(1048,21600);(1048,17128);(1829,17128);(1829,13512);(1048,13512);(1048,17128);(1048,8088);(1829,8088)
;(1829,4472);(1048,4472);(1048,8088);(1048,3616);(1829,3616);(1829,0);(1048,0);(1048,3616);(1048,12656);(1829,12656);(1829,9040);(1048,9040);(1048,12656);(2076,12656);(2857,12656);(2857,9040);(2076,9040);(2076,12656)
;(2076,21600);(2857,21600);(2857,17984);(2076,17984);(2076,21600);(2076,3616);(2857,3616);(2857,0);(2076,0);(2076,3616);(2076,8088);(2857,8088);(2857,4472);(2076,4472);(2076,8088);(2076,17128);(2857,17128)
;(2857,13512);(2076,13512);(2076,17128);(3124,12656);(3905,12656);(3905,9040);(3124,9040);(3124,12656);(3124,17128);(3905,17128);(3905,13512);(3124,13512);(3124,17128);(3124,8088);(3905,8088);(3905,4472);(3124,4472)
;(3124,8088);(3124,3616);(3905,3616);(3905,0);(3124,0);(3124,3616);(3124,21600);(3905,21600);(3905,17984);(3124,17984);(3124,21600);(9372,17128);(10153,17128);(10153,13512);(9372,13512);(9372,17128)
;(9372,8088);(10153,8088);(10153,4472);(9372,4472);(9372,8088);(9372,21600);(10153,21600);(10153,17984);(9372,17984);(9372,21600);(9372,3616);(10153,3616);(10153,0);(9372,0);(9372,3616);(9372,12656);(10153,12656)
;(10153,9040);(9372,9040);(9372,12656);(10420,3616);(11201,3616);(11201,0);(10420,0);(10420,3616);(10420,17128);(11201,17128);(11201,13512);(10420,13512);(10420,17128);(10420,21600);(11201,21600);(11201,17984)
;(10420,17984);(10420,21600);(10420,12656);(11201,12656);(11201,9040);(10420,9040);(10420,12656);(10420,8088);(11201,8088);(11201,4472);(10420,4472);(10420,8088);(11447,3616);(12228,3616);(12228,0);(11447,0)
;(11447,3616);(11447,8088);(12228,8088);(12228,4472);(11447,4472);(11447,8088);(11447,12656);(12228,12656);(12228,9040);(11447,9040);(11447,12656);(11447,17128);(12228,17128);(12228,13512);(11447,13512)
;(11447,17128);(11447,21600);(12228,21600);(12228,17984);(11447,17984);(11447,21600);(12496,3616);(13276,3616);(13276,0);(12496,0);(12496,3616);(12496,8088);(13276,8088);(13276,4472);(12496,4472);(12496,8088)
;(12496,21600);(13276,21600);(13276,17984);(12496,17984);(12496,21600);(12496,12656);(13276,12656);(13276,9040);(12496,9040);(12496,12656);(12496,17128);(13276,17128);(13276,13512);(12496,13512);(12496,17128)
;(13544,3616);(14325,3616);(14325,0);(13544,0);(13544,3616);(13544,8088);(14325,8088);(14325,4472);(13544,4472);(13544,8088);(13544,17128);(14325,17128);(14325,13512);(13544,13512);(13544,17128);(13544,12656)
;(14325,12656);(14325,9040);(13544,9040);(13544,12656);(13544,21600);(14325,21600);(14325,17984);(13544,17984);(13544,21600);(14571,3616);(15352,3616);(15352,0);(14571,0);(14571,3616);(14571,8088);(15352,8088)
;(15352,4472);(14571,4472);(14571,8088);(14571,12656);(15352,12656);(15352,9040);(14571,9040);(14571,12656);(14571,21600);(15352,21600);(15352,17984);(14571,17984);(14571,21600);(14571,17128);(15352,17128)
;(15352,13512);(14571,13512);(14571,17128);(15619,8088);(16400,8088);(16400,4472);(15619,4472);(15619,8088);(15619,3616);(16400,3616);(16400,0);(15619,0);(15619,3616);(15619,17128);(16400,17128);(16400,13512)
;(15619,13512);(15619,17128);(15619,21600);(16400,21600);(16400,17984);(15619,17984);(15619,21600);(15619,12656);(16400,12656);(16400,9040);(15619,9040);(15619,12656);(16647,3616);(17428,3616);(17428,0);(16647,0)
;(16647,3616);(16647,8088);(17428,8088);(17428,4472);(16647,4472);(16647,8088);(16647,17128);(17428,17128);(17428,13512);(16647,13512);(16647,17128);(16647,21600);(17428,21600);(17428,17984);(16647,17984)
;(16647,21600);(16647,12656);(17428,12656);(17428,9040);(16647,9040);(16647,12656);(17695,12656);(18476,12656);(18476,9040);(17695,9040);(17695,12656);(17695,3616);(18476,3616);(18476,0);(17695,0);(17695,3616)
;(17695,8088);(18476,8088);(18476,4472);(17695,4472);(17695,8088);(17695,17128);(18476,17128);(18476,13512);(17695,13512);(17695,17128);(17695,21600);(18476,21600);(18476,17984);(17695,17984);(17695,21600)
;(18743,12656);(19524,12656);(19524,9040);(18743,9040);(18743,12656);(18743,3616);(19524,3616);(19524,0);(18743,0);(18743,3616);(18743,8088);(19524,8088);(19524,4472);(18743,4472);(18743,8088);(18743,21600)
;(19524,21600);(19524,17984);(18743,17984);(18743,21600);(18743,17128);(19524,17128);(19524,13512);(18743,13512);(18743,17128);(19771,12656);(20552,12656);(20552,9040);(19771,9040);(19771,12656);(19771,3616)
;(20552,3616);(20552,0);(19771,0);(19771,3616);(19771,8088);(20552,8088);(20552,4472);(19771,4472);(19771,8088);(19771,21600);(20552,21600);(20552,17984);(19771,17984);(19771,21600);(19771,17128);(20552,17128)
;(20552,13512);(19771,13512);(19771,17128);(20819,12656);(21600,12656);(21600,9040);(20819,9040);(20819,12656);(20819,8088);(21600,8088);(21600,4472);(20819,4472);(20819,8088);(20819,0);(20819,3616);(21600,3616)
;(21600,0);(20819,0);(20819,21600);(21600,21600);(21600,17984);(20819,17984);(20819,21600);(20819,17128);(21600,17128);(21600,13512);(20819,13512);(20819,17128)}}{\sp{\sn pSegmentInfo}{\sv 2;631;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32768}}{\sp{\sn pConnectionSites}{\sv 8;4;(667386,144146);(667386,144146);(667386,144146);(667386,144146)}}{\sp{\sn pConnectionSitesDir}{\sv 4;4
;0;5898240;11796480;17694720}}{\sp{\sn cxk}{\sv 2}}{\sp{\sn f3DOK}{\sv 0}}{\sp{\sn fLineOK}{\sv 1}}{\sp{\sn fFillOK}{\sv 1}}{\sp{\sn fillType}{\sv 0}}{\sp{\sn fillColor}{\sv 12874308}{\*\hsv \caccentone\ctint255\cshade255}}
{\sp{\sn fillOpacity}{\sv 65536}}{\sp{\sn fFilled}{\sv 1}}{\sp{\sn lineWidth}{\sv 12700}}{\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6b94a89bc6000000dc0000000f0000006472732f646f776e7265762e786d6c448f4f6bc24010c5ef82df6119c19b6eac2292ba4a115a845af0ff79cc4e93d0ec6c9add6aeaa7770e85de66786fdefbcd7cd9ba4a5da909a56703a361028a38f3b6e4dcc0f1f0
3a98810a11d962e5990cfc5280e5a2db99636afd8d7774ddc75c490887140d1431d6a9d6212bc86118fa9a58b44fdf388cb236b9b60dde24dc55fa2949a6da61c9d250604dab82b2affd8f33b0b94f0ebb75bc9cde2ef7d3647bdc4cdf3fcedfc6f47bedcb33a8486dfc37ff5dafade08f055f9e9109f4e2010000ffff0300
504b01022d0014000600080000002100dbe1f6cbee000000850100001300000000000000000000000000000000005b436f6e74656e745f54797065735d2e786d6c504b01022d00140006000800000021005af42c5bbf000000150100000b000000000000000000000000001f0100005f72656c732f2e72656c73504b01022d
00140006000800000021006b94a89bc6000000dc0000000f00000000000000000000000000070200006472732f646f776e7265762e786d6c504b05060000000003000300b7000000fa0200000000}}}{\sp{\sn dhgt}{\sv 251659264}}{\sp{\sn fHidden}{\sv 0}}{\sp{\sn fLayoutInCell}{\sv 1}}}}
{\shp{\*\shpinst\shplid1099{\sp{\sn relLeft}{\sv 2082800}}{\sp{\sn relTop}{\sv 0}}{\sp{\sn relRight}{\sv 2194561}}{\sp{\sn relBottom}{\sv 288292}}{\sp{\sn fRelFlipH}{\sv 0}}{\sp{\sn fRelFlipV}{\sv 0}}{\sp{\sn shapeType}{\sv 0}}{\sp{\sn rotation}{\sv 0}}
{\sp{\sn dxTextLeft}{\sv 38100}}{\sp{\sn dyTextTop}{\sv 38100}}{\sp{\sn dxTextRight}{\sv 38100}}{\sp{\sn dyTextBottom}{\sv 38100}}{\sp{\sn WrapText}{\sv 0}}{\sp{\sn anchorText}{\sv 1}}
{\sp{\sn txflTextFlow}{\sv 0}}{\sp{\sn fRotateText}{\sv 0}}{\sp{\sn fFitShapeToText}{\sv 0}}{\sp{\sn geoLeft}{\sv 0}}{\sp{\sn geoTop}{\sv 0}}{\sp{\sn geoRight}{\sv 21600}}
{\sp{\sn geoBottom}{\sv 21600}}{\sp{\sn shapePath}{\sv 4}}{\sp{\sn pVerticies}{\sv 8;35;(0,17128);(9327,17128);(9327,13512);(0,13512);(0,17128);(0,21600);(9327,21600);(9327,17984);(0,17984);(0,21600);(0,12656);(9327,12656)
;(9327,9040);(0,9040);(0,12656);(12273,12656);(21600,12656);(21600,9040);(12273,9040);(12273,12656);(12273,4472);(12273,8088);(21600,8088);(21600,4472);(12273,4472);(12273,21600);(21600,21600);(21600,17984)
;(12273,17984);(12273,21600);(0,3616);(9327,3616);(9327,0);(0,0);(0,3616)}}{\sp{\sn pSegmentInfo}{\sv 2;43;16384;1;1;1;1;24577;16384;1;1;1;1;24577;16384;1;1;1;1;24577;16384;1;1;1;1;24577;16384;1;1;1;1;24577
;16384;1;1;1;1;24577;16384;1;1;1;1;24577;32768}}{\sp{\sn pConnectionSites}{\sv 8;4;(55881,144146);(55881,144146);(55881,144146);(55881,144146)}}{\sp{\sn pConnectionSitesDir}{\sv 4;4;0;5898240;11796480;17694720}}{\sp{\sn cxk}{\sv 2}}{\sp{\sn f3DOK}{\sv 0}}
{\sp{\sn fLineOK}{\sv 1}}{\sp{\sn fFillOK}{\sv 1}}{\sp{\sn fillType}{\sv 0}}{\sp{\sn fillColor}{\sv 12874308}{\*\hsv \caccentone\ctint255\cshade255}}{\sp{\sn fillOpacity}{\sv 52428}}{\sp{\sn fFilled}{\sv 1}}{\sp{\sn lineWidth}{\sv 12700}}
{\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8cd9fb9bc3000000dc0000000f0000006472732f646f776e7265762e786d6c444f4b6bc24010be17fc0fcb08bdd58db52d125dc557c093e003bd0ed9311bccce86ec5693fefaae50e86d3ebee74ce7adadc49d1a5f3a56301c24208873a74b2e149c8ed9db18
840fc81a2bc7a4a0230ff359ef658aa9760fded3fd100a1143d8a7a8c08450a752fadc90453f703571e4aeaeb118226c0aa91b7cc4705bc9f724f992164b8e0d066b5a19ca6f876fabe0fcf1b35e65ddc6649bede7aedb2fcbe3f9d229f5da6f17131081daf02ffe736f759c3f1ac2f39978819cfd020000ffff0300504b01
022d0014000600080000002100dbe1f6cbee000000850100001300000000000000000000000000000000005b436f6e74656e745f54797065735d2e786d6c504b01022d00140006000800000021005af42c5bbf000000150100000b000000000000000000000000001f0100005f72656c732f2e72656c73504b01022d001400
06000800000021008cd9fb9bc3000000dc0000000f00000000000000000000000000070200006472732f646f776e7265762e786d6c504b05060000000003000300b7000000f70200000000}}}{\sp{\sn dhgt}{\sv 251659264}}{\sp{\sn fHidden}{\sv 0}}{\sp{\sn fLayoutInCell}{\sv 1}}}}
{\shp{\*\shpinst\shplid1100{\sp{\sn relLeft}{\sv 2209799}}{\sp{\sn relTop}{\sv 0}}{\sp{\sn relRight}{\sv 2386330}}{\sp{\sn relBottom}{\sv 288292}}{\sp{\sn fRelFlipH}{\sv 0}}{\sp{\sn fRelFlipV}{\sv 0}}{\sp{\sn shapeType}{\sv 0}}{\sp{\sn rotation}{\sv 0}}
{\sp{\sn dxTextLeft}{\sv 38100}}{\sp{\sn dyTextTop}{\sv 38100}}{\sp{\sn dxTextRight}{\sv 38100}}{\sp{\sn dyTextBottom}{\sv 38100}}{\sp{\sn WrapText}{\sv 0}}{\sp{\sn anchorText}{\sv 1}}
{\sp{\sn txflTextFlow}{\sv 0}}{\sp{\sn fRotateText}{\sv 0}}{\sp{\sn fFitShapeToText}{\sv 0}}{\sp{\sn geoLeft}{\sv 0}}{\sp{\sn geoTop}{\sv 0}}{\sp{\sn geoRight}{\sv 21600}}
{\sp{\sn geoBottom}{\sv 21600}}{\sp{\sn shapePath}{\sv 4}}{\sp{\sn pVerticies}{\sv 8;55;(0,21600);(5905,21600);(5905,17984);(0,17984);(0,21600);(0,12656);(5905,12656);(5905,9040);(0,9040);(0,12656);(0,3616);(5905,3616)
;(5905,0);(0,0);(0,3616);(0,17128);(5905,17128);(5905,13512);(0,13512);(0,17128);(7925,21600);(13830,21600);(13830,17984);(7925,17984);(7925,21600);(7925,12656);(13830,12656);(13830,9040);(7925,9040);(7925,12656)
;(7925,3616);(13830,3616);(13830,0);(7925,0);(7925,3616);(7925,8088);(13830,8088);(13830,4472);(7925,4472);(7925,8088);(15695,0);(15695,3616);(21600,3616);(21600,0);(15695,0);(15695,17128);(21600,17128);(21600,13512)
;(15695,13512);(15695,17128);(15695,12656);(21600,12656);(21600,9040);(15695,9040);(15695,12656)}}{\sp{\sn pSegmentInfo}{\sv 2;67;16384;1;1;1;1;24577;16384;1;1;1;1;24577;16384;1;1;1;1;24577;16384;1;1;1
;1;24577;16384;1;1;1;1;24577;16384;1;1;1;1;24577;16384;1;1;1;1;24577;16384;1;1;1;1;24577;16384;1;1;1;1;24577;16384;1;1;1;1;24577;16384;1;1;1;1;24577;32768}}{\sp{\sn pConnectionSites}{\sv 8;4;(88266,144146)
;(88266,144146);(88266,144146);(88266,144146)}}{\sp{\sn pConnectionSitesDir}{\sv 4;4;0;5898240;11796480;17694720}}{\sp{\sn cxk}{\sv 2}}{\sp{\sn f3DOK}{\sv 0}}{\sp{\sn fLineOK}{\sv 1}}{\sp{\sn fFillOK}{\sv 1}}{\sp{\sn fillType}{\sv 0}}
{\sp{\sn fillColor}{\sv 12874308}{\*\hsv \caccentone\ctint255\cshade255}}{\sp{\sn fillOpacity}{\sv 39321}}{\sp{\sn fFilled}{\sv 1}}{\sp{\sn lineWidth}{\sv 12700}}{\sp{\sn lineMiterLimit}{\sv 262144}}{\sp{\sn lineJoinStyle}{\sv 1}}
{\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40e3294bc1000000dc0000000f0000006472732f646f776e7265762e786d6c444fdf6bc230107e1ff83f8413f636531dc8ac46a982e0db5827e2e3d19c4db4b99426d6eebf5f84c1deeee3fb79abcde01ad15317ac6705d3490682b8f2da72ade0f8bd7ffb00
1122b2c6c63329f8a1009bf5e86585b9f60ffea2be8cb548211c725460626c73294365c86198f896387117df398c0976b5d41d3e52b86be42ccbe6d2a1e5d460b0a59da1ea56de9d8273f6c98ba238f697abdb96b55d786b4e67a55ec743b104116988ffe23ff741a7f9ef33783e932e90eb5f000000ffff0300504b01022d
0014000600080000002100dbe1f6cbee000000850100001300000000000000000000000000000000005b436f6e74656e745f54797065735d2e786d6c504b01022d00140006000800000021005af42c5bbf000000150100000b000000000000000000000000001f0100005f72656c732f2e72656c73504b01022d0014000600
08000000210040e3294bc1000000dc0000000f00000000000000000000000000070200006472732f646f776e7265762e786d6c504b05060000000003000300b7000000f50200000000}}}{\sp{\sn dhgt}{\sv 251659264}}{\sp{\sn fHidden}{\sv 0}}{\sp{\sn fLayoutInCell}{\sv 1}}}}
{\shp{\*\shpinst\shplid1101{\sp{\sn relLeft}{\sv 2400300}}{\sp{\sn relTop}{\sv 0}}{\sp{\sn relRight}{\sv 2641600}}{\sp{\sn relBottom}{\sv 288292}}{\sp{\sn fRelFlipH}{\sv 0}}{\sp{\sn fRelFlipV}{\sv 0}}{\sp{\sn shapeType}{\sv 0}}{\sp{\sn rotation}{\sv 0}}
{\sp{\sn dxTextLeft}{\sv 38100}}{\sp{\sn dyTextTop}{\sv 38100}}{\sp{\sn dxTextRight}{\sv 38100}}{\sp{\sn dyTextBottom}{\sv 38100}}{\sp{\sn WrapText}{\sv 0}}{\sp{\sn anchorText}{\sv 1}}
{\sp{\sn txflTextFlow}{\sv 0}}{\sp{\sn fRotateText}{\sv 0}}{\sp{\sn fFitShapeToText}{\sv 0}}{\sp{\sn geoLeft}{\sv 0}}{\sp{\sn geoTop}{\sv 0}}{\sp{\sn geoRight}{\sv 21600}}
{\sp{\sn geoBottom}{\sv 21600}}{\sp{\sn shapePath}{\sv 4}}{\sp{\sn pVerticies}{\sv 8;75;(0,3616);(4320,3616);(4320,0);(0,0);(0,3616);(0,8088);(4320,8088);(4320,4472);(0,4472);(0,8088);(0,12656);(4320,12656);(4320,9040)
;(0,9040);(0,12656);(0,21600);(4320,21600);(4320,17984);(0,17984);(0,21600);(5798,12656);(10118,12656);(10118,9040);(5798,9040);(5798,12656);(5798,17128);(10118,17128);(10118,13512);(5798,13512);(5798,17128)
;(5798,21600);(10118,21600);(10118,17984);(5798,17984);(5798,21600);(5798,3616);(10118,3616);(10118,0);(5798,0);(5798,3616);(11482,17128);(15802,17128);(15802,13512);(11482,13512);(11482,17128);(11482,8088)
;(15802,8088);(15802,4472);(11482,4472);(11482,8088);(17280,0);(17280,3616);(21600,3616);(21600,0);(17280,0);(17280,8088);(21600,8088);(21600,4472);(17280,4472);(17280,8088);(17280,21600);(21600,21600);(21600,17984)
;(17280,17984);(17280,21600);(17280,12656);(21600,12656);(21600,9040);(17280,9040);(17280,12656);(17280,17128);(21600,17128);(21600,13512);(17280,13512);(17280,17128)}}{\sp{\sn pSegmentInfo}{\sv 2;91;16384
;1;1;1;1;24577;16384;1;1;1;1;24577;16384;1;1;1;1;24577;16384;1;1;1;1;24577;16384;1;1;1;1;24577;16384;1;1;1;1;24577;16384;1;1;1;1;24577;16384;1;1;1;1;24577;16384;1;1;1;1;24577;16384;1;1;1;1;24577;16384
;1;1;1;1;24577;16384;1;1;1;1;24577;16384;1;1;1;1;24577;16384;1;1;1;1;24577;16384;1;1;1;1;24577;32768}}{\sp{\sn pConnectionSites}{\sv 8;4;(120650,144146);(120650,144146);(120650,144146);(120650,144146)}}
{\sp{\sn pConnectionSitesDir}{\sv 4;4;0;5898240;11796480;17694720}}{\sp{\sn cxk}{\sv 2}}{\sp{\sn f3DOK}{\sv 0}}{\sp{\sn fLineOK}{\sv 1}}
{\sp{\sn fFillOK}{\sv 1}}{\sp{\sn fillType}{\sv 0}}{\sp{\sn fillColor}{\sv 12874308}{\*\hsv \caccentone\ctint255\cshade255}}{\sp{\sn fillOpacity}{\sv 26214}}{\sp{\sn fFilled}{\sv 1}}{\sp{\sn lineWidth}{\sv 12700}}
{\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fefe0638c3000000dc0000000f0000006472732f646f776e7265762e786d6c444f4d6b023110bd17fa1fc214bc949a5541646b942a58a47871b587de86cdec66ed661236e9bafefba650f0368ff739cbf5605bd153171ac70a26e30c0471e974c3b582f369f7
b2001122b2c6d63129b85180f5eaf16189b976573e525fc45aa4100e392a3031fa5cca501ab218c6ce1327ae729dc59860574bdde13585db564eb36c2e2d369c1a0c7ada1a2abf8b1faba0fd7a3f7cf2a63007fc3855fae2abe78bef951a3d0d6faf20220df12efe77ef759a3f9bc1df33e902b9fa050000ffff0300504b01
022d0014000600080000002100dbe1f6cbee000000850100001300000000000000000000000000000000005b436f6e74656e745f54797065735d2e786d6c504b01022d00140006000800000021005af42c5bbf000000150100000b000000000000000000000000001f0100005f72656c732f2e72656c73504b01022d001400
0600080000002100fefe0638c3000000dc0000000f00000000000000000000000000070200006472732f646f776e7265762e786d6c504b05060000000003000300b7000000f70200000000}}}{\sp{\sn dhgt}{\sv 251659264}}{\sp{\sn fHidden}{\sv 0}}{\sp{\sn fLayoutInCell}{\sv 1}}}}
{\shp{\*\shpinst\shplid1102{\sp{\sn relLeft}{\sv 2654300}}{\sp{\sn relTop}{\sv 63500}}{\sp{\sn relRight}{\sv 2895600}}{\sp{\sn relBottom}{\sv 292101}}{\sp{\sn fRelFlipH}{\sv 0}}
{\sp{\sn fRelFlipV}{\sv 0}}{\sp{\sn shapeType}{\sv 0}}{\sp{\sn rotation}{\sv 0}}{\sp{\sn dxTextLeft}{\sv 38100}}{\sp{\sn dyTextTop}{\sv 38100}}{\sp{\sn dxTextRight}{\sv 38100}}
{\sp{\sn dyTextBottom}{\sv 38100}}{\sp{\sn WrapText}{\sv 0}}{\sp{\sn anchorText}{\sv 1}}{\sp{\sn txflTextFlow}{\sv 0}}{\sp{\sn fRotateText}{\sv 0}}{\sp{\sn fFitShapeToText}{\sv 0}}
{\sp{\sn geoLeft}{\sv 0}}{\sp{\sn geoTop}{\sv 0}}{\sp{\sn geoRight}{\sv 21600}}{\sp{\sn geoBottom}{\sv 21600}}{\sp{\sn shapePath}{\sv 4}}{\sp{\sn pVerticies}{\sv 8;45;(0,4560);(4320,4560);(4320,0);(0,0);(0,4560);(0,21600);(4320,21600)
;(4320,17040);(0,17040);(0,21600);(5684,10320);(10004,10320);(10004,5760);(5684,5760);(5684,10320);(5684,15960);(10004,15960);(10004,11400);(5684,11400);(5684,15960);(17280,5640);(17280,10200);(21600,10200)
;(21600,5640);(17280,5640);(17280,15960);(21600,15960);(21600,11400);(17280,11400);(17280,15960);(11482,15960);(15802,15960);(15802,11400);(11482,11400);(11482,15960);(11482,4560);(15802,4560);(15802,0);(11482,0)
;(11482,4560);(11482,21600);(15802,21600);(15802,17040);(11482,17040);(11482,21600)}}{\sp{\sn pSegmentInfo}{\sv 2;55;16384;1;1;1;1;24577;16384;1;1;1;1;24577;16384;1;1;1;1;24577;16384;1;1;1;1;24577;16384
;1;1;1;1;24577;16384;1;1;1;1;24577;16384;1;1;1;1;24577;16384;1;1;1;1;24577;16384;1;1;1;1;24577;32768}}{\sp{\sn pConnectionSites}{\sv 8;4;(120650,114301);(120650,114301);(120650,114301);(120650,114301)}}
{\sp{\sn pConnectionSitesDir}{\sv 4;4;0;5898240;11796480;17694720}}{\sp{\sn cxk}{\sv 2}}{\sp{\sn f3DOK}{\sv 0}}{\sp{\sn fLineOK}{\sv 1}}
{\sp{\sn fFillOK}{\sv 1}}{\sp{\sn fillType}{\sv 0}}{\sp{\sn fillColor}{\sv 12874308}{\*\hsv \caccentone\ctint255\cshade255}}{\sp{\sn fillOpacity}{\sv 13107}}{\sp{\sn fFilled}{\sv 1}}{\sp{\sn lineWidth}{\sv 12700}}
{\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100a7e04c3000000dc0000000f0000006472732f646f776e7265762e786d6c444f4d6bc24010bd17fc0fcb08de74532d52525729a2e2c5831a0abd0dd9319b363b1bb26b4cfaeb5d41e86d1eef7316abce56a2a5c6978e15bc4e1210c4b9d325170ab2f376fc
0ec207648d956352d09387d572f0b2c054bb1b1fa93d8542c410f6292a3021d4a9943e3764d14f5c4d1cb98b6b2c86089b42ea066f31dc56729a247369b1e4d860b0a6b5a1fcf774b50ab6ba9d859fefbfeb57bf3bf4d3ecb239ec4da6d468d87d7e8008d4857ff1d3bdd771feec0d1ecfc40be4f20e0000ffff0300504b01
022d0014000600080000002100dbe1f6cbee000000850100001300000000000000000000000000000000005b436f6e74656e745f54797065735d2e786d6c504b01022d00140006000800000021005af42c5bbf000000150100000b000000000000000000000000001f0100005f72656c732f2e72656c73504b01022d001400
0600080000002100100a7e04c3000000dc0000000f00000000000000000000000000070200006472732f646f776e7265762e786d6c504b05060000000003000300b7000000f70200000000}}}{\sp{\sn dhgt}{\sv 251659264}}{\sp{\sn fHidden}{\sv 0}}{\sp{\sn fLayoutInCell}{\sv 1}}}}
{\shp{\*\shpinst\shplid1103{\sp{\sn relLeft}{\sv 0}}{\sp{\sn relTop}{\sv 368301}}{\sp{\sn relRight}{\sv 2901951}}{\sp{\sn relBottom}{\sv 393701}}{\sp{\sn fRelFlipH}{\sv 0}}
{\sp{\sn fRelFlipV}{\sv 0}}{\sp{\sn shapeType}{\sv 1}}{\sp{\sn dxTextLeft}{\sv 38100}}{\sp{\sn dyTextTop}{\sv 38100}}{\sp{\sn dxTextRight}{\sv 38100}}{\sp{\sn dyTextBottom}{\sv 38100}}
{\sp{\sn anchorText}{\sv 1}}{\sp{\sn fRotateText}{\sv 0}}{\sp{\sn fFitShapeToText}{\sv 0}}{\sp{\sn fillColor}{\sv 12874308}{\*\hsv \caccentone\ctint255\cshade255}}
{\sp{\sn fFilled}{\sv 1}}{\sp{\sn lineWidth}{\sv 12700}}{\sp{\sn lineMiterLimit}{\sv 262144}}{\sp{\sn fLine}{\sv 0}}{\sp{\sn wzName}{\sv Rectangle}}{\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16eed342c1000000dc0000000f0000006472732f646f776e7265762e786d6c444f4d6bc24010bd17fa1f96117aab1b1545a2ab48412dd24bad108f63764c82d9d9901d35fe7bb750e86d1eef73e6cbced5ea466da83c1b18f41350c4b9b71517060e3febf729
a820c8166bcf64e04101968bd79739a6d6dff99b6e7b29540ce190a28152a449b50e79490e43df37c4913bfbd6a144d816dab6788fe1aed6c32499688715c786121bfa2829bfecafcec0c89f36b89b7cb9014b70473965d9d56e8d79eb75ab1928a14efec57fee4f1be78fc6f0fb4cbc402f9e000000ffff0300504b01022d
0014000600080000002100dbe1f6cbee000000850100001300000000000000000000000000000000005b436f6e74656e745f54797065735d2e786d6c504b01022d00140006000800000021005af42c5bbf000000150100000b000000000000000000000000001f0100005f72656c732f2e72656c73504b01022d0014000600
08000000210016eed342c1000000dc0000000f00000000000000000000000000070200006472732f646f776e7265762e786d6c504b05060000000003000300b7000000f50200000000}}}{\sp{\sn dhgt}{\sv 251659264}}{\sp{\sn fHidden}{\sv 0}}{\sp{\sn fLayoutInCell}{\sv 1}}}}
{\shp{\*\shpinst\shplid1104{\sp{\sn relLeft}{\sv 63499}}{\sp{\sn relTop}{\sv 76200}}{\sp{\sn relRight}{\sv 398780}}{\sp{\sn relBottom}{\sv 304977}}{\sp{\sn fRelFlipH}{\sv 0}}{\sp{\sn fRelFlipV}{\sv 0}}{\sp{\sn shapeType}{\sv 0}}{\sp{\sn rotation}{\sv 0}}
{\sp{\sn dxTextLeft}{\sv 38100}}{\sp{\sn dyTextTop}{\sv 38100}}{\sp{\sn dxTextRight}{\sv 38100}}{\sp{\sn dyTextBottom}{\sv 38100}}{\sp{\sn WrapText}{\sv 0}}{\sp{\sn anchorText}{\sv 1}}
{\sp{\sn txflTextFlow}{\sv 0}}{\sp{\sn fRotateText}{\sv 0}}{\sp{\sn fFitShapeToText}{\sv 0}}{\sp{\sn geoLeft}{\sv 0}}{\sp{\sn geoTop}{\sv 0}}{\sp{\sn geoRight}{\sv 21600}}
{\sp{\sn geoBottom}{\sv 21497}}{\sp{\sn shapePath}{\sv 4}}{\sp{\sn pVerticies}{\sv 8;217;(21600,18991);(21600,18275);(21436,17559);(21109,17082);(20864,16604);(20536,16366);(20127,16246);(20127,16127);(20127,16127);(20127,16008)
;(20127,15291);(19964,14575);(19636,14098);(19309,13621);(18900,13263);(18409,13263);(18409,12666);(18245,12069);(17918,11592);(17591,11115);(17182,10757);(16691,10637);(13336,10399);(13091,10399);(12845,10637)
;(12764,11115);(12764,11234);(12764,11353);(12845,11473);(12927,11711);(13091,11831);(13255,11831);(16609,12069);(16855,12069);(17018,12189);(17182,12427);(17264,12547);(17345,12785);(17345,13024);(12682,12666)
;(10064,8489);(9818,8131);(9818,7654);(10064,7296);(10145,7177);(10145,7177);(10227,7057);(10391,6938);(10555,6938);(10718,7057);(12845,8131);(13909,8728);(15055,8012);(15464,6461);(15709,5625);(15627,4790)
;(15382,4074);(15136,3477);(14809,2880);(14318,2642);(10309,255);(9573,-103);(8836,-103);(8100,374);(5973,1926);(5809,2045);(5727,2045);(5564,2045);(4500,2164);(4418,1687);(4255,1329);(4009,1090);(3682,732);(3273,494)
;(2945,613);(491,971);(245,971);(0,1329);(0,1806);(0,2284);(245,2522);(573,2522);(3027,2164);(3109,2164);(3273,2164);(3355,2284);(3436,2403);(3518,2522);(3518,2761);(4009,13263);(4009,13263);(4009,13263);(4009,13263)
;(4009,13263);(4009,13263);(4009,13263);(4009,13382);(4009,13740);(3845,14098);(3600,14098);(1064,14456);(818,14456);(573,14814);(573,15291);(573,15649);(818,16007);(1145,16007);(3682,15649);(4336,15530);(4827,14933)
;(4991,13979);(6545,13859);(6791,13859);(7036,13979);(7282,14217);(9082,16246);(9327,16485);(9655,16365);(9818,16127);(9982,15769);(9900,15291);(9736,15053);(7936,13024);(7527,12547);(7036,12427)
;(6545,12427);(4991,12547);(4582,3954);(5564,3835);(5809,3835);(6136,3716);(6382,3477);(8509,1926);(8918,1568);(9409,1568);(9818,1806);(13827,4193);(14073,4312);(14236,4551);(14318,4909);(14482,5267);(14482,5745)
;(14318,6103);(14155,6819);(13500,7177);(13009,6938);(13009,6938);(13009,6938);(13009,6938);(10882,5864);(10473,5625);(9982,5625);(9573,5983);(9409,6103);(9164,6341);(9082,6580);(8509,7535);(8591,8847);(9082,9802)
;(13173,16365);(13582,17082);(14155,17559);(14727,17559);(19391,17917);(19636,17917);(19800,18036);(19964,18275);(20127,18514);(20209,18752);(20127,19110);(20127,19468);(20045,19707);(19882,19946);(19718,20184)
;(19555,20304);(19309,20184);(14400,19707);(14155,19707);(13991,19588);(13745,19349);(11782,16604);(11536,16366);(11209,16485);(11045,16724);(10882,17082);(10964,17559);(11127,17798);(13500,20423);(13827,20781)
;(14236,21020);(14645,21020);(19555,21497);(20045,21497);(20536,21258);(20864,20781);(21355,20304);(21600,19707);(21600,18991);(15218,15649);(14891,15649);(14564,15411);(14400,15053);(14400,15053);(14400,15053)
;(14400,15053);(13909,14217);(18491,14575);(18736,14575);(18900,14695);(19064,14933);(19227,15172);(19309,15411);(19227,15769);(19227,15769);(19227,15888);(19227,15888);(15218,15649)}}{\sp{\sn pSegmentInfo}{\sv 2;98
;16384;8193;8193;8193;8193;8193;8193;8193;1;8193;8193;8193;1;8193;8193;1;1;8193;8193;8193;1;8193;8193;8193;1;8193;1;8193;1;8193;8193;1;8193;8193;1;8193;8193;1;8193;8193;1;8193;1;8193;8193;1;8193;1;8193
;1;8193;8193;1;8193;1;1;1;8193;1;8193;1;8193;8193;8193;8193;1;8193;8193;8193;1;8193;1;8193;8193;8193;8193;1;8193;1;8193;8193;1;8193;1;8193;8193;24577;16384;8193;8193;1;1;8193;8193;8193;1;24577;32768}}
{\sp{\sn pConnectionSites}{\sv 8;4;(167641,114389);(167641,114389);(167641,114389);(167641,114389)}}{\sp{\sn pConnectionSitesDir}{\sv 4;4;0;5898240;11796480;17694720}}{\sp{\sn cxk}{\sv 2}}{\sp{\sn f3DOK}{\sv 0}}
{\sp{\sn fLineOK}{\sv 1}}{\sp{\sn fFillOK}{\sv 1}}{\sp{\sn fillType}{\sv 0}}{\sp{\sn fillColor}{\sv 12874308}{\*\hsv \caccentone\ctint255\cshade255}}{\sp{\sn fillOpacity}{\sv 65536}}{\sp{\sn fFilled}{\sv 1}}{\sp{\sn lineWidth}{\sv 12700}}
{\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6a63c468c5000000dc0000000f0000006472732f646f776e7265762e786d6c448fd16ac2401045df85fec33242df74934ad312dd48294aa50f62533f60c88e9b607636645713ffde2d147c9be1deb9e7ce6a3dda565ca9f78d6305e93c01415c39ddb05170fc
ddcede41f880acb1754c0a6ee4615d3c4d56986b37f00f5dcb60440c619fa3823a842e97d2573559f473d71147ede47a8b21aebd91bac72186db56be2449262d361c093576f45953752e2f3642becd6887ecb861f37a78d3bb7d7a29bfb64a3d4fc78f258840637898ffaf773ad65f64f0f74c9c401677000000ffff030050
4b01022d0014000600080000002100dbe1f6cbee000000850100001300000000000000000000000000000000005b436f6e74656e745f54797065735d2e786d6c504b01022d00140006000800000021005af42c5bbf000000150100000b000000000000000000000000001f0100005f72656c732f2e72656c73504b01022d00
140006000800000021006a63c468c5000000dc0000000f00000000000000000000000000070200006472732f646f776e7265762e786d6c504b05060000000003000300b7000000f90200000000}}}{\sp{\sn dhgt}{\sv 251659264}}{\sp{\sn fHidden}{\sv 0}}{\sp{\sn fLayoutInCell}{\sv 1}}}}
{\shp{\*\shpinst\shplid1105{\sp{\sn relLeft}{\sv 279400}}{\sp{\sn relTop}{\sv 0}}{\sp{\sn relRight}{\sv 608577}}{\sp{\sn relBottom}{\sv 230047}}{\sp{\sn fRelFlipH}{\sv 0}}{\sp{\sn fRelFlipV}{\sv 0}}{\sp{\sn shapeType}{\sv 0}}{\sp{\sn rotation}{\sv 0}}
{\sp{\sn dxTextLeft}{\sv 38100}}{\sp{\sn dyTextTop}{\sv 38100}}{\sp{\sn dxTextRight}{\sv 38100}}{\sp{\sn dyTextBottom}{\sv 38100}}{\sp{\sn WrapText}{\sv 0}}{\sp{\sn anchorText}{\sv 1}}
{\sp{\sn txflTextFlow}{\sv 0}}{\sp{\sn fRotateText}{\sv 0}}{\sp{\sn fFitShapeToText}{\sv 0}}{\sp{\sn geoLeft}{\sv 0}}{\sp{\sn geoTop}{\sv 0}}{\sp{\sn geoRight}{\sv 21533}}
{\sp{\sn geoBottom}{\sv 21498}}{\sp{\sn shapePath}{\sv 4}}{\sp{\sn pVerticies}{\sv 8;229;(21517,19701);(21517,19345);(21268,18989);(20935,18989);(18443,19345);(18360,19345);(18194,19345);(18111,19226);(18028,19108);(17945,18989)
;(17945,18752);(17945,18396);(17945,18396);(17945,18396);(17945,18396);(17945,18396);(17945,18396);(17945,18396);(17446,8308);(17446,7952);(17612,7596);(17862,7596);(20437,7240);(20686,7240);(20935,6884)
;(20935,6409);(20935,6053);(20686,5697);(20354,5697);(17778,6053);(17114,6171);(16615,6765);(16449,7596);(14788,7714);(14538,7714);(14289,7596);(14040,7358);(11963,5103);(11714,4866);(11382,4985)
;(11215,5222);(11132,5459);(11049,5815);(11132,6053);(11132,6171);(11215,6290);(11298,6290);(13375,8545);(13791,9020);(14289,9138);(14788,9138);(16366,9020);(16782,17565);(15785,17684);(15535,17684)
;(15203,17802);(14954,18040);(12794,19582);(12378,19938);(11880,19938);(11465,19701);(7394,17327);(7145,17209);(6978,16971);(6895,16615);(6729,16259);(6729,15785);(6895,15429);(7062,14716);(7726,14360)
;(8225,14598);(8225,14598);(8225,14598);(8225,14598);(10385,15666);(10800,15903);(11298,15903);(11714,15547);(11880,15429);(12129,15191);(12212,14954);(12794,14004);(12711,12699);(12212,11749);(8058,5222)
;(7643,4510);(7062,4035);(6480,4035);(1745,3679);(1495,3679);(1329,3560);(1163,3323);(997,3086);(914,2848);(997,2492);(997,2136);(1080,1899);(1246,1662);(1412,1424);(1578,1305);(1828,1424);(6812,1899);(7062,1899)
;(7228,2018);(7477,2255);(9720,4629);(9969,4866);(10302,4747);(10468,4510);(10634,4154);(10551,3679);(10385,3442);(8142,1068);(7809,712);(7394,475);(6978,475);(1994,0);(1495,0);(997,237);(665,712);(332,1187);(83,1780)
;(0,2492);(0,2967);(83,3442);(166,3798);(249,4035);(332,4154);(415,4391);(665,4866);(997,5103);(1412,5222);(1412,5341);(1412,5341);(1412,5459);(1412,5934);(1495,6409);(1578,6765);(1662,7002);(1745,7121);(1828,7358)
;(2160,7833);(2575,8189);(3074,8189);(3074,8545);(3157,9020);(3240,9376);(3323,9613);(3406,9732);(3489,9969);(3822,10444);(4237,10800);(4735,10919);(8308,11275);(8557,11275);(8806,11037);(8889,10563);(8889,10207)
;(8723,9851);(8391,9732);(4818,9376);(4569,9376);(4403,9257);(4237,9020);(4154,8901);(4071,8664);(4071,8426);(8806,8782);(11465,12936);(11714,13292);(11714,13767);(11465,14123);(11382,14360);(11298,14479);(11215,14479)
;(11049,14598);(10883,14598);(10717,14479);(8557,13411);(7477,12818);(6314,13530);(5898,15073);(5649,15903);(5732,16734);(5982,17446);(6231,18040);(6563,18633);(7062,18870);(11132,21244);(11880,21600)
;(12628,21600);(13375,21125);(15535,19582);(15702,19464);(15785,19464);(15951,19464);(16948,19345);(16948,19464);(17031,19582);(17031,19820);(17114,20057);(17280,20295);(17446,20532);(17778,20888);(18194,21125)
;(18526,21007);(21018,20651);(21351,20413);(21600,20057);(21517,19701);(3157,6883);(2908,6883);(2742,6765);(2575,6527);(2409,6290);(2326,6053);(2409,5697);(2409,5697);(2409,5578);(2409,5578);(6480,5934);(6812,5934)
;(7145,6171);(7311,6527);(7311,6527);(7311,6527);(7311,6527);(7809,7358);(3157,6883)}}{\sp{\sn pSegmentInfo}{\sv 2;102;16384;8193;1;8193;8193;1;8193;8193;1;8193;1;8193;8193;1;8193;1;8193;1;8193;8193;8193;1;8193
;1;1;1;8193;1;8193;1;8193;8193;8193;8193;1;8193;8193;8193;1;8193;1;8193;8193;8193;8193;1;8193;1;8193;8193;1;8193;1;8193;8193;8193;8193;8193;8193;8193;8193;8193;8193;8193;8193;1;8193;8193;1;8193;8193;1
;1;8193;8193;8193;1;8193;8193;8193;1;8193;1;8193;1;8193;8193;8193;1;8193;24577;16384;8193;8193;8193;1;8193;8193;1;1;24577;32768}}{\sp{\sn pConnectionSites}{\sv 8;4;(164589,115024);(164589,115024);(164589,115024);(164589,115024)}}
{\sp{\sn pConnectionSitesDir}{\sv 4;4;0;5898240;11796480;17694720}}{\sp{\sn cxk}{\sv 2}}{\sp{\sn f3DOK}{\sv 0}}{\sp{\sn fLineOK}{\sv 1}}
{\sp{\sn fFillOK}{\sv 1}}{\sp{\sn fillType}{\sv 0}}{\sp{\sn fillColor}{\sv 12874308}{\*\hsv \caccentone\ctint255\cshade255}}{\sp{\sn fillOpacity}{\sv 65536}}{\sp{\sn fFilled}{\sv 1}}{\sp{\sn lineWidth}{\sv 12700}}
{\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84d26a4fc4000000dc0000000f0000006472732f646f776e7265762e786d6c444f4d6bc24010bd17fc0fcb08bd94ba6905b5d1558a206dc58bb114bd0dd9311bcdce86ec6ae2bfef0a85dee6f13e67b6e86c25aed4f8d2b182974102823877bae442c1f76ef5
3c01e103b2c6ca3129b89187c5bcf730c354bb96b774cd42216208fb14159810ea544a9f1bb2e807ae268edcd1351643844d2175836d0cb7957c4d9291b458726c3058d3d2507ece2e56c1697d6bb3a7a11e19192e1f87cdd7cfdb646f957aec77ef531081baf02ffe737fea387f3886fb33f10239ff050000ffff0300504b
01022d0014000600080000002100dbe1f6cbee000000850100001300000000000000000000000000000000005b436f6e74656e745f54797065735d2e786d6c504b01022d00140006000800000021005af42c5bbf000000150100000b000000000000000000000000001f0100005f72656c732f2e72656c73504b01022d0014
00060008000000210084d26a4fc4000000dc0000000f00000000000000000000000000070200006472732f646f776e7265762e786d6c504b05060000000003000300b7000000f80200000000}}}{\sp{\sn dhgt}{\sv 251659264}}{\sp{\sn fHidden}{\sv 0}}{\sp{\sn fLayoutInCell}{\sv 1}}}}
}{\shprslt{\*\do\dobxcolumn\dobypara\dodhgt8192\dpgroup\dpcount9\dpx0\dpy0\dpxsize4570\dpysize620\dppolygon\dppolycount4\dpptx406\dppty170\dpptx482\dppty170\dpptx482\dppty94\dpptx406\dppty94\dpx1140\dpy0\dpxsize2102\dpysize454
\dpfillfgcr255\dpfillfgcg255\dpfillfgcb255\dpfillbgcr132\dpfillbgcg12\dpfillbgcb0\dpfillpat1\dplinehollow\dppolygon\dppolycount4\dpptx0\dppty360\dpptx76\dppty360\dpptx76\dppty284\dpptx0\dppty284\dpx3280\dpy0\dpxsize176\dpysize454
\dpfillfgcr255\dpfillfgcg255\dpfillfgcb255\dpfillbgcr132\dpfillbgcg12\dpfillbgcb0\dpfillpat1\dplinehollow\dppolygon\dppolycount4\dpptx0\dppty454\dpptx76\dppty454\dpptx76\dppty378\dpptx0\dppty378\dpx3480\dpy0\dpxsize278\dpysize454
\dpfillfgcr255\dpfillfgcg255\dpfillfgcb255\dpfillbgcr132\dpfillbgcg12\dpfillbgcb0\dpfillpat1\dplinehollow\dppolygon\dppolycount4\dpptx0\dppty76\dpptx76\dppty76\dpptx76\dppty0\dpptx0\dppty0\dpx3780\dpy0\dpxsize380\dpysize454
\dpfillfgcr255\dpfillfgcg255\dpfillfgcb255\dpfillbgcr132\dpfillbgcg12\dpfillbgcb0\dpfillpat1\dplinehollow\dppolygon\dppolycount4\dpptx0\dppty76\dpptx76\dppty76\dpptx76\dppty0\dpptx0\dppty0\dpx4180\dpy100\dpxsize380\dpysize360
\dpfillfgcr255\dpfillfgcg255\dpfillfgcb255\dpfillbgcr132\dpfillbgcg12\dpfillbgcb0\dpfillpat1\dplinehollow\dprect\dpx0\dpy580\dpxsize4570\dpysize40\dpfillfgcr255\dpfillfgcg255\dpfillfgcb255\dpfillbgcr132\dpfillbgcg12\dpfillbgcb0\dpfillpat1\dplinehollow
\dppolygon\dppolycount215\dpptx528\dppty318\dpptx527\dppty309\dpptx525\dppty301\dpptx521\dppty293\dpptx516\dppty286\dpptx511\dppty281\dpptx506\dppty277\dpptx499\dppty274\dpptx492\dppty272\dpptx492\dppty270\dpptx492\dppty268\dpptx491\dppty259
\dpptx489\dppty251\dpptx485\dppty243\dpptx480\dppty236\dpptx474\dppty231\dpptx467\dppty226\dpptx459\dppty223\dpptx450\dppty222\dpptx449\dppty215\dpptx447\dppty207\dpptx443\dppty201\dpptx438\dppty194\dpptx432\dppty189\dpptx425\dppty184\dpptx417\dppty180
\dpptx408\dppty178\dpptx326\dppty174\dpptx322\dppty175\dpptx318\dppty177\dpptx314\dppty181\dpptx312\dppty186\dpptx312\dppty189\dpptx314\dppty192\dpptx318\dppty197\dpptx324\dppty198\dpptx406\dppty202\dpptx414\dppty204\dpptx420\dppty208\dpptx423\dppty212
\dpptx424\dppty218\dpptx310\dppty212\dpptx246\dppty142\dpptx243\dppty137\dpptx242\dppty132\dpptx243\dppty127\dpptx246\dppty122\dpptx248\dppty120\dpptx250\dppty118\dpptx256\dppty117\dpptx262\dppty118\dpptx314\dppty136\dpptx324\dppty139\dpptx334\dppty140
\dpptx343\dppty139\dpptx352\dppty136\dpptx360\dppty131\dpptx367\dppty125\dpptx374\dppty117\dpptx378\dppty108\dpptx381\dppty98\dpptx382\dppty88\dpptx380\dppty78\dpptx376\dppty68\dpptx371\dppty61\dpptx365\dppty54\dpptx358\dppty48\dpptx350\dppty44
\dpptx252\dppty4\dpptx239\dppty1\dpptx225\dppty0\dpptx212\dppty2\dpptx198\dppty6\dpptx146\dppty32\dpptx141\dppty34\dpptx136\dppty34\dpptx110\dppty36\dpptx106\dppty26\dpptx98\dppty18\dpptx92\dppty14\dpptx85\dppty11\dpptx78\dppty10\dpptx72\dppty10
\dpptx12\dppty16\dpptx8\dppty17\dpptx4\dppty20\dpptx1\dppty25\dpptx0\dppty30\dpptx1\dppty36\dpptx4\dppty39\dpptx9\dppty42\dpptx14\dppty42\dpptx74\dppty36\dpptx78\dppty37\dpptx82\dppty38\dpptx85\dppty42\dpptx86\dppty46\dpptx98\dppty222\dpptx98\dppty222
\dpptx98\dppty222\dpptx98\dppty224\dpptx97\dppty229\dpptx95\dppty232\dpptx92\dppty235\dpptx88\dppty236\dpptx26\dppty242\dpptx22\dppty243\dpptx18\dppty246\dpptx15\dppty251\dpptx14\dppty256\dpptx15\dppty261\dpptx18\dppty264\dpptx23\dppty267\dpptx28\dppty268
\dpptx90\dppty262\dpptx101\dppty259\dpptx111\dppty253\dpptx118\dppty245\dpptx122\dppty234\dpptx160\dppty232\dpptx169\dppty234\dpptx178\dppty238\dpptx222\dppty272\dpptx227\dppty274\dpptx232\dppty274\dpptx237\dppty273\dpptx240\dppty270\dpptx242\dppty265
\dpptx242\dppty260\dpptx241\dppty256\dpptx238\dppty252\dpptx194\dppty218\dpptx186\dppty213\dpptx178\dppty210\dpptx169\dppty209\dpptx160\dppty208\dpptx122\dppty210\dpptx112\dppty66\dpptx136\dppty64\dpptx146\dppty63\dpptx156\dppty58\dpptx208\dppty32
\dpptx216\dppty29\dpptx224\dppty28\dpptx232\dppty28\dpptx240\dppty30\dpptx338\dppty70\dpptx346\dppty75\dpptx350\dppty82\dpptx352\dppty87\dpptx353\dppty92\dpptx352\dppty97\dpptx350\dppty102\dpptx345\dppty110\dpptx337\dppty115\dpptx328\dppty117
\dpptx323\dppty117\dpptx318\dppty116\dpptx318\dppty116\dpptx266\dppty98\dpptx258\dppty96\dpptx250\dppty96\dpptx242\dppty97\dpptx234\dppty100\dpptx227\dppty104\dpptx224\dppty107\dpptx222\dppty110\dpptx218\dppty116\dpptx215\dppty123\dpptx213\dppty130
\dpptx212\dppty137\dpptx215\dppty151\dpptx222\dppty164\dpptx322\dppty274\dpptx330\dppty282\dpptx340\dppty289\dpptx350\dppty293\dpptx360\dppty294\dpptx474\dppty300\dpptx482\dppty302\dpptx488\dppty306\dpptx492\dppty312\dpptx493\dppty316\dpptx492\dppty320
\dpptx491\dppty328\dpptx486\dppty334\dpptx483\dppty337\dpptx480\dppty338\dpptx476\dppty339\dpptx472\dppty338\dpptx352\dppty330\dpptx344\dppty329\dpptx336\dppty324\dpptx288\dppty278\dpptx283\dppty276\dpptx278\dppty276\dpptx274\dppty278\dpptx270\dppty280
\dpptx268\dppty285\dpptx268\dppty290\dpptx270\dppty294\dpptx272\dppty298\dpptx330\dppty342\dpptx336\dppty346\dpptx343\dppty349\dpptx351\dppty351\dpptx358\dppty352\dpptx478\dppty360\dpptx487\dppty359\dpptx495\dppty357\dpptx503\dppty353\dpptx510\dppty348
\dpptx518\dppty342\dpptx524\dppty335\dpptx527\dppty327\dpx100\dpy120\dpxsize528\dpysize360\dpfillfgcr255\dpfillfgcg255\dpfillfgcb255\dpfillbgcr132\dpfillbgcg12\dpfillbgcb0\dpfillpat1\dplinehollow\dppolygon\dppolycount217\dpptx518\dppty332
\dpptx517\dppty327\dpptx514\dppty324\dpptx509\dppty321\dpptx504\dppty320\dpptx444\dppty326\dpptx440\dppty325\dpptx436\dppty324\dpptx433\dppty321\dpptx432\dppty316\dpptx432\dppty310\dpptx432\dppty310\dpptx432\dppty310\dpptx420\dppty140\dpptx420\dppty136
\dpptx423\dppty132\dpptx426\dppty129\dpptx430\dppty128\dpptx492\dppty122\dpptx496\dppty121\dpptx500\dppty118\dpptx503\dppty113\dpptx504\dppty108\dpptx503\dppty104\dpptx500\dppty100\dpptx495\dppty97\dpptx490\dppty96\dpptx428\dppty102\dpptx417\dppty105
\dpptx407\dppty110\dpptx400\dppty118\dpptx396\dppty128\dpptx356\dppty130\dpptx347\dppty128\dpptx338\dppty124\dpptx288\dppty86\dpptx283\dppty84\dpptx278\dppty84\dpptx274\dppty85\dpptx270\dppty88\dpptx268\dppty95\dpptx267\dppty99\dpptx268\dppty102
\dpptx269\dppty105\dpptx272\dppty106\dpptx322\dppty144\dpptx330\dppty149\dpptx338\dppty152\dpptx347\dppty153\dpptx356\dppty154\dpptx394\dppty152\dpptx404\dppty296\dpptx380\dppty298\dpptx370\dppty299\dpptx360\dppty304\dpptx308\dppty330\dpptx300\dppty333
\dpptx292\dppty335\dpptx284\dppty334\dpptx276\dppty332\dpptx178\dppty292\dpptx170\dppty287\dpptx166\dppty280\dpptx164\dppty275\dpptx163\dppty270\dpptx164\dppty265\dpptx166\dppty260\dpptx171\dppty252\dpptx179\dppty247\dpptx189\dppty245\dpptx193\dppty245
\dpptx198\dppty246\dpptx198\dppty246\dpptx250\dppty264\dpptx258\dppty266\dpptx266\dppty267\dpptx274\dppty265\dpptx282\dppty262\dpptx288\dppty258\dpptx292\dppty255\dpptx294\dppty252\dpptx298\dppty246\dpptx301\dppty239\dpptx303\dppty232\dpptx304\dppty225
\dpptx301\dppty211\dpptx294\dppty198\dpptx194\dppty88\dpptx186\dppty80\dpptx176\dppty73\dpptx166\dppty69\dpptx156\dppty68\dpptx42\dppty62\dpptx34\dppty61\dpptx28\dppty56\dpptx24\dppty50\dpptx23\dppty46\dpptx24\dppty42\dpptx26\dppty34\dpptx30\dppty28
\dpptx33\dppty25\dpptx36\dppty24\dpptx40\dppty23\dpptx44\dppty24\dpptx164\dppty32\dpptx172\dppty33\dpptx180\dppty38\dpptx234\dppty78\dpptx239\dppty80\dpptx244\dppty80\dpptx248\dppty79\dpptx252\dppty76\dpptx254\dppty71\dpptx254\dppty66\dpptx253\dppty62
\dpptx250\dppty58\dpptx196\dppty18\dpptx190\dppty14\dpptx183\dppty11\dpptx175\dppty9\dpptx168\dppty8\dpptx48\dppty0\dpptx39\dppty1\dpptx31\dppty3\dpptx23\dppty7\dpptx16\dppty12\dpptx6\dppty26\dpptx2\dppty33\dpptx0\dppty42\dpptx1\dppty54\dpptx4\dppty64
\dpptx7\dppty69\dpptx10\dppty74\dpptx15\dppty79\dpptx21\dppty83\dpptx27\dppty86\dpptx34\dppty88\dpptx34\dppty90\dpptx34\dppty92\dpptx35\dppty104\dpptx38\dppty114\dpptx41\dppty119\dpptx44\dppty124\dpptx51\dppty129\dpptx58\dppty134\dpptx65\dppty137
\dpptx74\dppty138\dpptx75\dppty148\dpptx78\dppty158\dpptx81\dppty163\dpptx84\dppty168\dpptx90\dppty173\dpptx97\dppty178\dpptx105\dppty182\dpptx114\dppty184\dpptx200\dppty190\dpptx204\dppty189\dpptx208\dppty187\dpptx212\dppty183\dpptx214\dppty178
\dpptx213\dppty174\dpptx211\dppty169\dpptx207\dppty166\dpptx202\dppty164\dpptx116\dppty158\dpptx108\dppty157\dpptx102\dppty152\dpptx99\dppty148\dpptx98\dppty142\dpptx212\dppty148\dpptx276\dppty218\dpptx279\dppty223\dpptx280\dppty228\dpptx279\dppty233
\dpptx276\dppty238\dpptx273\dppty242\dpptx270\dppty244\dpptx264\dppty245\dpptx258\dppty244\dpptx206\dppty226\dpptx196\dppty223\dpptx186\dppty222\dpptx177\dppty223\dpptx168\dppty226\dpptx160\dppty231\dpptx153\dppty237\dpptx147\dppty245\dpptx142\dppty254
\dpptx139\dppty264\dpptx138\dppty275\dpptx140\dppty285\dpptx144\dppty294\dpptx149\dppty301\dpptx155\dppty308\dpptx162\dppty314\dpptx170\dppty318\dpptx268\dppty358\dpptx281\dppty361\dpptx295\dppty362\dpptx308\dppty360\dpptx322\dppty356\dpptx374\dppty330
\dpptx379\dppty328\dpptx384\dppty328\dpptx408\dppty326\dpptx409\dppty329\dpptx410\dppty334\dpptx414\dppty340\dpptx420\dppty346\dpptx426\dppty350\dpptx433\dppty353\dpptx439\dppty354\dpptx446\dppty354\dpptx506\dppty348\dpptx511\dppty345\dpptx515\dppty341
\dpptx518\dppty336\dpx440\dpy0\dpxsize518\dpysize362\dpfillfgcr255\dpfillfgcg255\dpfillfgcb255\dpfillbgcr132\dpfillbgcg12\dpfillbgcb0\dpfillpat1\dplinehollow\dpendgroup\dpx0\dpy0\dpxsize0\dpysize0}}}}{\*\latentstyles\lsdstimax371\lsdlockeddef0\lsdsemihiddendef0\lsdunhideuseddef0\lsdqformatdef0\lsdprioritydef99{\lsdlockedexcept \lsdqformat1 \lsdpriority0 \lsdlocked0 Normal;\lsdqformat1 \lsdpriority9 \lsdlocked0 heading 1;
\lsdsemihidden1 \lsdunhideused1 \lsdqformat1 \lsdpriority9 \lsdlocked0 heading 2;\lsdsemihidden1 \lsdunhideused1 \lsdqformat1 \lsdpriority9 \lsdlocked0 heading 3;\lsdsemihidden1 \lsdunhideused1 \lsdqformat1 \lsdpriority9 \lsdlocked0 heading 4;
\lsdsemihidden1 \lsdunhideused1 \lsdqformat1 \lsdpriority9 \lsdlocked0 heading 5;\lsdsemihidden1 \lsdunhideused1 \lsdqformat1 \lsdpriority9 \lsdlocked0 heading 6;\lsdsemihidden1 \lsdunhideused1 \lsdqformat1 \lsdpriority9 \lsdlocked0 heading 7;
\lsdsemihidden1 \lsdunhideused1 \lsdqformat1 \lsdpriority9 \lsdlocked0 heading 8;\lsdsemihidden1 \lsdunhideused1 \lsdqformat1 \lsdpriority9 \lsdlocked0 heading 9;\lsdsemihidden1 \lsdunhideused1 \lsdlocked0 index 1;
\lsdsemihidden1 \lsdunhideused1 \lsdlocked0 index 2;\lsdsemihidden1 \lsdunhideused1 \lsdlocked0 index 3;\lsdsemihidden1 \lsdunhideused1 \lsdlocked0 index 4;\lsdsemihidden1 \lsdunhideused1 \lsdlocked0 index 5;
\lsdsemihidden1 \lsdunhideused1 \lsdlocked0 index 6;\lsdsemihidden1 \lsdunhideused1 \lsdlocked0 index 7;\lsdsemihidden1 \lsdunhideused1 \lsdlocked0 index 8;\lsdsemihidden1 \lsdunhideused1 \lsdlocked0 index 9;
\lsdsemihidden1 \lsdunhideused1 \lsdpriority39 \lsdlocked0 toc 1;\lsdsemihidden1 \lsdunhideused1 \lsdpriority39 \lsdlocked0 toc 2;\lsdsemihidden1 \lsdunhideused1 \lsdpriority39 \lsdlocked0 toc 3;
\lsdsemihidden1 \lsdunhideused1 \lsdpriority39 \lsdlocked0 toc 4;\lsdsemihidden1 \lsdunhideused1 \lsdpriority39 \lsdlocked0 toc 5;\lsdsemihidden1 \lsdunhideused1 \lsdpriority39 \lsdlocked0 toc 6;
\lsdsemihidden1 \lsdunhideused1 \lsdpriority39 \lsdlocked0 toc 7;\lsdsemihidden1 \lsdunhideused1 \lsdpriority39 \lsdlocked0 toc 8;\lsdsemihidden1 \lsdunhideused1 \lsdpriority39 \lsdlocked0 toc 9;\lsdsemihidden1 \lsdunhideused1 \lsdlocked0 Normal Indent;
\lsdsemihidden1 \lsdunhideused1 \lsdlocked0 footnote text;\lsdsemihidden1 \lsdunhideused1 \lsdlocked0 annotation text;\lsdsemihidden1 \lsdunhideused1 \lsdlocked0 header;\lsdsemihidden1 \lsdunhideused1 \lsdlocked0 footer;
\lsdsemihidden1 \lsdunhideused1 \lsdlocked0 index heading;\lsdsemihidden1 \lsdunhideused1 \lsdqformat1 \lsdpriority35 \lsdlocked0 caption;\lsdsemihidden1 \lsdunhideused1 \lsdlocked0 table of figures;
\lsdsemihidden1 \lsdunhideused1 \lsdlocked0 envelope address;\lsdsemihidden1 \lsdunhideused1 \lsdlocked0 envelope return;\lsdsemihidden1 \lsdunhideused1 \lsdlocked0 footnote reference;\lsdsemihidden1 \lsdunhideused1 \lsdlocked0 annotation reference;
\lsdsemihidden1 \lsdunhideused1 \lsdlocked0 line number;\lsdsemihidden1 \lsdunhideused1 \lsdlocked0 page number;\lsdsemihidden1 \lsdunhideused1 \lsdlocked0 endnote reference;\lsdsemihidden1 \lsdunhideused1 \lsdlocked0 endnote text;
\lsdsemihidden1 \lsdunhideused1 \lsdlocked0 table of authorities;\lsdsemihidden1 \lsdunhideused1 \lsdlocked0 macro;\lsdsemihidden1 \lsdunhideused1 \lsdlocked0 toa heading;\lsdsemihidden1 \lsdunhideused1 \lsdlocked0 List;
\lsdsemihidden1 \lsdunhideused1 \lsdlocked0 List Bullet;\lsdsemihidden1 \lsdunhideused1 \lsdlocked0 List Number;\lsdsemihidden1 \lsdunhideused1 \lsdlocked0 List 2;\lsdsemihidden1 \lsdunhideused1 \lsdlocked0 List 3;
\lsdsemihidden1 \lsdunhideused1 \lsdlocked0 List 4;\lsdsemihidden1 \lsdunhideused1 \lsdlocked0 List 5;\lsdsemihidden1 \lsdunhideused1 \lsdlocked0 List Bullet 2;\lsdsemihidden1 \lsdunhideused1 \lsdlocked0 List Bullet 3;
\lsdsemihidden1 \lsdunhideused1 \lsdlocked0 List Bullet 4;\lsdsemihidden1 \lsdunhideused1 \lsdlocked0 List Bullet 5;\lsdsemihidden1 \lsdunhideused1 \lsdlocked0 List Number 2;\lsdsemihidden1 \lsdunhideused1 \lsdlocked0 List Number 3;
\lsdsemihidden1 \lsdunhideused1 \lsdlocked0 List Number 4;\lsdsemihidden1 \lsdunhideused1 \lsdlocked0 List Number 5;\lsdqformat1 \lsdpriority1 \lsdlocked0 Title;\lsdsemihidden1 \lsdunhideused1 \lsdlocked0 Closing;
\lsdsemihidden1 \lsdunhideused1 \lsdlocked0 Signature;\lsdsemihidden1 \lsdunhideused1 \lsdpriority1 \lsdlocked0 Default Paragraph Font;\lsdsemihidden1 \lsdunhideused1 \lsdlocked0 Body Text;\lsdsemihidden1 \lsdunhideused1 \lsdlocked0 Body Text Indent;
\lsdsemihidden1 \lsdunhideused1 \lsdlocked0 List Continue;\lsdsemihidden1 \lsdunhideused1 \lsdlocked0 List Continue 2;\lsdsemihidden1 \lsdunhideused1 \lsdlocked0 List Continue 3;\lsdsemihidden1 \lsdunhideused1 \lsdlocked0 List Continue 4;
\lsdsemihidden1 \lsdunhideused1 \lsdlocked0 List Continue 5;\lsdsemihidden1 \lsdunhideused1 \lsdlocked0 Message Header;\lsdsemihidden1 \lsdunhideused1 \lsdqformat1 \lsdpriority11 \lsdlocked0 Subtitle;\lsdsemihidden1 \lsdunhideused1 \lsdlocked0 Salutation;
\lsdsemihidden1 \lsdunhideused1 \lsdlocked0 Date;\lsdsemihidden1 \lsdunhideused1 \lsdlocked0 Body Text First Indent;\lsdsemihidden1 \lsdunhideused1 \lsdlocked0 Body Text First Indent 2;\lsdsemihidden1 \lsdunhideused1 \lsdlocked0 Note Heading;
\lsdsemihidden1 \lsdunhideused1 \lsdlocked0 Body Text 2;\lsdsemihidden1 \lsdunhideused1 \lsdlocked0 Body Text 3;\lsdsemihidden1 \lsdunhideused1 \lsdlocked0 Body Text Indent 2;\lsdsemihidden1 \lsdunhideused1 \lsdlocked0 Body Text Indent 3;
\lsdsemihidden1 \lsdunhideused1 \lsdlocked0 Block Text;\lsdsemihidden1 \lsdunhideused1 \lsdlocked0 Hyperlink;\lsdsemihidden1 \lsdunhideused1 \lsdlocked0 FollowedHyperlink;\lsdsemihidden1 \lsdunhideused1 \lsdqformat1 \lsdpriority22 \lsdlocked0 Strong;
\lsdsemihidden1 \lsdunhideused1 \lsdqformat1 \lsdpriority20 \lsdlocked0 Emphasis;\lsdsemihidden1 \lsdunhideused1 \lsdlocked0 Document Map;\lsdsemihidden1 \lsdunhideused1 \lsdlocked0 Plain Text;\lsdsemihidden1 \lsdunhideused1 \lsdlocked0 E-mail Signature;
\lsdsemihidden1 \lsdunhideused1 \lsdlocked0 HTML Top of Form;\lsdsemihidden1 \lsdunhideused1 \lsdlocked0 HTML Bottom of Form;\lsdsemihidden1 \lsdunhideused1 \lsdlocked0 Normal (Web);\lsdsemihidden1 \lsdunhideused1 \lsdlocked0 HTML Acronym;
\lsdsemihidden1 \lsdunhideused1 \lsdlocked0 HTML Address;\lsdsemihidden1 \lsdunhideused1 \lsdlocked0 HTML Cite;\lsdsemihidden1 \lsdunhideused1 \lsdlocked0 HTML Code;\lsdsemihidden1 \lsdunhideused1 \lsdlocked0 HTML Definition;
\lsdsemihidden1 \lsdunhideused1 \lsdlocked0 HTML Keyboard;\lsdsemihidden1 \lsdunhideused1 \lsdlocked0 HTML Preformatted;\lsdsemihidden1 \lsdunhideused1 \lsdlocked0 HTML Sample;\lsdsemihidden1 \lsdunhideused1 \lsdlocked0 HTML Typewriter;
\lsdsemihidden1 \lsdunhideused1 \lsdlocked0 HTML Variable;\lsdsemihidden1 \lsdunhideused1 \lsdlocked0 Normal Table;\lsdsemihidden1 \lsdunhideused1 \lsdlocked0 annotation subject;\lsdsemihidden1 \lsdunhideused1 \lsdlocked0 No List;
\lsdsemihidden1 \lsdunhideused1 \lsdlocked0 Outline List 1;\lsdsemihidden1 \lsdunhideused1 \lsdlocked0 Outline List 2;\lsdsemihidden1 \lsdunhideused1 \lsdlocked0 Outline List 3;\lsdsemihidden1 \lsdunhideused1 \lsdlocked0 Table Simple 1;
\lsdsemihidden1 \lsdunhideused1 \lsdlocked0 Table Simple 2;\lsdsemihidden1 \lsdunhideused1 \lsdlocked0 Table Simple 3;\lsdsemihidden1 \lsdunhideused1 \lsdlocked0 Table Classic 1;\lsdsemihidden1 \lsdunhideused1 \lsdlocked0 Table Classic 2;
\lsdsemihidden1 \lsdunhideused1 \lsdlocked0 Table Classic 3;\lsdsemihidden1 \lsdunhideused1 \lsdlocked0 Table Classic 4;\lsdsemihidden1 \lsdunhideused1 \lsdlocked0 Table Colorful 1;\lsdsemihidden1 \lsdunhideused1 \lsdlocked0 Table Colorful 2;
\lsdsemihidden1 \lsdunhideused1 \lsdlocked0 Table Colorful 3;\lsdsemihidden1 \lsdunhideused1 \lsdlocked0 Table Columns 1;\lsdsemihidden1 \lsdunhideused1 \lsdlocked0 Table Columns 2;\lsdsemihidden1 \lsdunhideused1 \lsdlocked0 Table Columns 3;
\lsdsemihidden1 \lsdunhideused1 \lsdlocked0 Table Columns 4;\lsdsemihidden1 \lsdunhideused1 \lsdlocked0 Table Columns 5;\lsdsemihidden1 \lsdunhideused1 \lsdlocked0 Table Grid 1;\lsdsemihidden1 \lsdunhideused1 \lsdlocked0 Table Grid 2;
\lsdsemihidden1 \lsdunhideused1 \lsdlocked0 Table Grid 3;\lsdsemihidden1 \lsdunhideused1 \lsdlocked0 Table Grid 4;\lsdsemihidden1 \lsdunhideused1 \lsdlocked0 Table Grid 5;\lsdsemihidden1 \lsdunhideused1 \lsdlocked0 Table Grid 6;
\lsdsemihidden1 \lsdunhideused1 \lsdlocked0 Table Grid 7;\lsdsemihidden1 \lsdunhideused1 \lsdlocked0 Table Grid 8;\lsdsemihidden1 \lsdunhideused1 \lsdlocked0 Table List 1;\lsdsemihidden1 \lsdunhideused1 \lsdlocked0 Table List 2;
\lsdsemihidden1 \lsdunhideused1 \lsdlocked0 Table List 3;\lsdsemihidden1 \lsdunhideused1 \lsdlocked0 Table List 4;\lsdsemihidden1 \lsdunhideused1 \lsdlocked0 Table List 5;\lsdsemihidden1 \lsdunhideused1 \lsdlocked0 Table List 6;
\lsdsemihidden1 \lsdunhideused1 \lsdlocked0 Table List 7;\lsdsemihidden1 \lsdunhideused1 \lsdlocked0 Table List 8;\lsdsemihidden1 \lsdunhideused1 \lsdlocked0 Table 3D effects 1;\lsdsemihidden1 \lsdunhideused1 \lsdlocked0 Table 3D effects 2;
\lsdsemihidden1 \lsdunhideused1 \lsdlocked0 Table 3D effects 3;\lsdsemihidden1 \lsdunhideused1 \lsdlocked0 Table Contemporary;\lsdsemihidden1 \lsdunhideused1 \lsdlocked0 Table Elegant;\lsdsemihidden1 \lsdunhideused1 \lsdlocked0 Table Professional;
\lsdsemihidden1 \lsdunhideused1 \lsdlocked0 Table Subtle 1;\lsdsemihidden1 \lsdunhideused1 \lsdlocked0 Table Subtle 2;\lsdsemihidden1 \lsdunhideused1 \lsdlocked0 Table Web 1;\lsdsemihidden1 \lsdunhideused1 \lsdlocked0 Table Web 2;
\lsdsemihidden1 \lsdunhideused1 \lsdlocked0 Table Web 3;\lsdsemihidden1 \lsdunhideused1 \lsdlocked0 Balloon Text;\lsdpriority39 \lsdlocked0 Table Grid;\lsdsemihidden1 \lsdunhideused1 \lsdlocked0 Table Theme;\lsdsemihidden1 \lsdlocked0 Placeholder Text;
\lsdsemihidden1 \lsdunhideused1 \lsdqformat1 \lsdlocked0 No Spacing;\lsdpriority60 \lsdlocked0 Light Shading;\lsdpriority61 \lsdlocked0 Light List;\lsdpriority62 \lsdlocked0 Light Grid;\lsdpriority63 \lsdlocked0 Medium Shading 1;
\lsdpriority64 \lsdlocked0 Medium Shading 2;\lsdpriority65 \lsdlocked0 Medium List 1;\lsdpriority66 \lsdlocked0 Medium List 2;\lsdpriority67 \lsdlocked0 Medium Grid 1;\lsdpriority68 \lsdlocked0 Medium Grid 2;\lsdpriority69 \lsdlocked0 Medium Grid 3;
\lsdpriority70 \lsdlocked0 Dark List;\lsdpriority71 \lsdlocked0 Colorful Shading;\lsdpriority72 \lsdlocked0 Colorful List;\lsdpriority73 \lsdlocked0 Colorful Grid;\lsdpriority60 \lsdlocked0 Light Shading Accent 1;
\lsdpriority61 \lsdlocked0 Light List Accent 1;\lsdpriority62 \lsdlocked0 Light Grid Accent 1;\lsdpriority63 \lsdlocked0 Medium Shading 1 Accent 1;\lsdpriority64 \lsdlocked0 Medium Shading 2 Accent 1;\lsdpriority65 \lsdlocked0 Medium List 1 Accent 1;
\lsdsemihidden1 \lsdlocked0 Revision;\lsdsemihidden1 \lsdunhideused1 \lsdqformat1 \lsdpriority34 \lsdlocked0 List Paragraph;\lsdsemihidden1 \lsdunhideused1 \lsdqformat1 \lsdpriority29 \lsdlocked0 Quote;
\lsdsemihidden1 \lsdunhideused1 \lsdqformat1 \lsdpriority30 \lsdlocked0 Intense Quote;\lsdpriority66 \lsdlocked0 Medium List 2 Accent 1;\lsdpriority67 \lsdlocked0 Medium Grid 1 Accent 1;\lsdpriority68 \lsdlocked0 Medium Grid 2 Accent 1;
\lsdpriority69 \lsdlocked0 Medium Grid 3 Accent 1;\lsdpriority70 \lsdlocked0 Dark List Accent 1;\lsdpriority71 \lsdlocked0 Colorful Shading Accent 1;\lsdpriority72 \lsdlocked0 Colorful List Accent 1;\lsdpriority73 \lsdlocked0 Colorful Grid Accent 1;
\lsdpriority60 \lsdlocked0 Light Shading Accent 2;\lsdpriority61 \lsdlocked0 Light List Accent 2;\lsdpriority62 \lsdlocked0 Light Grid Accent 2;\lsdpriority63 \lsdlocked0 Medium Shading 1 Accent 2;\lsdpriority64 \lsdlocked0 Medium Shading 2 Accent 2;
\lsdpriority65 \lsdlocked0 Medium List 1 Accent 2;\lsdpriority66 \lsdlocked0 Medium List 2 Accent 2;\lsdpriority67 \lsdlocked0 Medium Grid 1 Accent 2;\lsdpriority68 \lsdlocked0 Medium Grid 2 Accent 2;\lsdpriority69 \lsdlocked0 Medium Grid 3 Accent 2;
\lsdpriority70 \lsdlocked0 Dark List Accent 2;\lsdpriority71 \lsdlocked0 Colorful Shading Accent 2;\lsdpriority72 \lsdlocked0 Colorful List Accent 2;\lsdpriority73 \lsdlocked0 Colorful Grid Accent 2;\lsdpriority60 \lsdlocked0 Light Shading Accent 3;
\lsdpriority61 \lsdlocked0 Light List Accent 3;\lsdpriority62 \lsdlocked0 Light Grid Accent 3;\lsdpriority63 \lsdlocked0 Medium Shading 1 Accent 3;\lsdpriority64 \lsdlocked0 Medium Shading 2 Accent 3;\lsdpriority65 \lsdlocked0 Medium List 1 Accent 3;
\lsdpriority66 \lsdlocked0 Medium List 2 Accent 3;\lsdpriority67 \lsdlocked0 Medium Grid 1 Accent 3;\lsdpriority68 \lsdlocked0 Medium Grid 2 Accent 3;\lsdpriority69 \lsdlocked0 Medium Grid 3 Accent 3;\lsdpriority70 \lsdlocked0 Dark List Accent 3;
\lsdpriority71 \lsdlocked0 Colorful Shading Accent 3;\lsdpriority72 \lsdlocked0 Colorful List Accent 3;\lsdpriority73 \lsdlocked0 Colorful Grid Accent 3;\lsdpriority60 \lsdlocked0 Light Shading Accent 4;\lsdpriority61 \lsdlocked0 Light List Accent 4;
\lsdpriority62 \lsdlocked0 Light Grid Accent 4;\lsdpriority63 \lsdlocked0 Medium Shading 1 Accent 4;\lsdpriority64 \lsdlocked0 Medium Shading 2 Accent 4;\lsdpriority65 \lsdlocked0 Medium List 1 Accent 4;\lsdpriority66 \lsdlocked0 Medium List 2 Accent 4;
\lsdpriority67 \lsdlocked0 Medium Grid 1 Accent 4;\lsdpriority68 \lsdlocked0 Medium Grid 2 Accent 4;\lsdpriority69 \lsdlocked0 Medium Grid 3 Accent 4;\lsdpriority70 \lsdlocked0 Dark List Accent 4;\lsdpriority71 \lsdlocked0 Colorful Shading Accent 4;
\lsdpriority72 \lsdlocked0 Colorful List Accent 4;\lsdpriority73 \lsdlocked0 Colorful Grid Accent 4;\lsdpriority60 \lsdlocked0 Light Shading Accent 5;\lsdpriority61 \lsdlocked0 Light List Accent 5;\lsdpriority62 \lsdlocked0 Light Grid Accent 5;
\lsdpriority63 \lsdlocked0 Medium Shading 1 Accent 5;\lsdpriority64 \lsdlocked0 Medium Shading 2 Accent 5;\lsdpriority65 \lsdlocked0 Medium List 1 Accent 5;\lsdpriority66 \lsdlocked0 Medium List 2 Accent 5;
\lsdpriority67 \lsdlocked0 Medium Grid 1 Accent 5;\lsdpriority68 \lsdlocked0 Medium Grid 2 Accent 5;\lsdpriority69 \lsdlocked0 Medium Grid 3 Accent 5;\lsdpriority70 \lsdlocked0 Dark List Accent 5;\lsdpriority71 \lsdlocked0 Colorful Shading Accent 5;
\lsdpriority72 \lsdlocked0 Colorful List Accent 5;\lsdpriority73 \lsdlocked0 Colorful Grid Accent 5;\lsdpriority60 \lsdlocked0 Light Shading Accent 6;\lsdpriority61 \lsdlocked0 Light List Accent 6;\lsdpriority62 \lsdlocked0 Light Grid Accent 6;
\lsdpriority63 \lsdlocked0 Medium Shading 1 Accent 6;\lsdpriority64 \lsdlocked0 Medium Shading 2 Accent 6;\lsdpriority65 \lsdlocked0 Medium List 1 Accent 6;\lsdpriority66 \lsdlocked0 Medium List 2 Accent 6;
\lsdpriority67 \lsdlocked0 Medium Grid 1 Accent 6;\lsdpriority68 \lsdlocked0 Medium Grid 2 Accent 6;\lsdpriority69 \lsdlocked0 Medium Grid 3 Accent 6;\lsdpriority70 \lsdlocked0 Dark List Accent 6;\lsdpriority71 \lsdlocked0 Colorful Shading Accent 6;
\lsdpriority72 \lsdlocked0 Colorful List Accent 6;\lsdpriority73 \lsdlocked0 Colorful Grid Accent 6;\lsdsemihidden1 \lsdunhideused1 \lsdqformat1 \lsdpriority19 \lsdlocked0 Subtle Emphasis;
\lsdsemihidden1 \lsdunhideused1 \lsdqformat1 \lsdpriority21 \lsdlocked0 Intense Emphasis;\lsdsemihidden1 \lsdunhideused1 \lsdqformat1 \lsdpriority31 \lsdlocked0 Subtle Reference;
\lsdsemihidden1 \lsdunhideused1 \lsdqformat1 \lsdpriority32 \lsdlocked0 Intense Reference;\lsdsemihidden1 \lsdunhideused1 \lsdqformat1 \lsdpriority33 \lsdlocked0 Book Title;\lsdsemihidden1 \lsdunhideused1 \lsdpriority37 \lsdlocked0 Bibliography;
\lsdsemihidden1 \lsdunhideused1 \lsdqformat1 \lsdpriority39 \lsdlocked0 TOC Heading;\lsdpriority41 \lsdlocked0 Plain Table 1;\lsdpriority42 \lsdlocked0 Plain Table 2;\lsdpriority43 \lsdlocked0 Plain Table 3;\lsdpriority44 \lsdlocked0 Plain Table 4;
\lsdpriority45 \lsdlocked0 Plain Table 5;\lsdpriority40 \lsdlocked0 Grid Table Light;\lsdpriority46 \lsdlocked0 Grid Table 1 Light;\lsdpriority47 \lsdlocked0 Grid Table 2;\lsdpriority48 \lsdlocked0 Grid Table 3;\lsdpriority49 \lsdlocked0 Grid Table 4;
\lsdpriority50 \lsdlocked0 Grid Table 5 Dark;\lsdpriority51 \lsdlocked0 Grid Table 6 Colorful;\lsdpriority52 \lsdlocked0 Grid Table 7 Colorful;\lsdpriority46 \lsdlocked0 Grid Table 1 Light Accent 1;\lsdpriority47 \lsdlocked0 Grid Table 2 Accent 1;
\lsdpriority48 \lsdlocked0 Grid Table 3 Accent 1;\lsdpriority49 \lsdlocked0 Grid Table 4 Accent 1;\lsdpriority50 \lsdlocked0 Grid Table 5 Dark Accent 1;\lsdpriority51 \lsdlocked0 Grid Table 6 Colorful Accent 1;
\lsdpriority52 \lsdlocked0 Grid Table 7 Colorful Accent 1;\lsdpriority46 \lsdlocked0 Grid Table 1 Light Accent 2;\lsdpriority47 \lsdlocked0 Grid Table 2 Accent 2;\lsdpriority48 \lsdlocked0 Grid Table 3 Accent 2;
\lsdpriority49 \lsdlocked0 Grid Table 4 Accent 2;\lsdpriority50 \lsdlocked0 Grid Table 5 Dark Accent 2;\lsdpriority51 \lsdlocked0 Grid Table 6 Colorful Accent 2;\lsdpriority52 \lsdlocked0 Grid Table 7 Colorful Accent 2;
\lsdpriority46 \lsdlocked0 Grid Table 1 Light Accent 3;\lsdpriority47 \lsdlocked0 Grid Table 2 Accent 3;\lsdpriority48 \lsdlocked0 Grid Table 3 Accent 3;\lsdpriority49 \lsdlocked0 Grid Table 4 Accent 3;
\lsdpriority50 \lsdlocked0 Grid Table 5 Dark Accent 3;\lsdpriority51 \lsdlocked0 Grid Table 6 Colorful Accent 3;\lsdpriority52 \lsdlocked0 Grid Table 7 Colorful Accent 3;\lsdpriority46 \lsdlocked0 Grid Table 1 Light Accent 4;
\lsdpriority47 \lsdlocked0 Grid Table 2 Accent 4;\lsdpriority48 \lsdlocked0 Grid Table 3 Accent 4;\lsdpriority49 \lsdlocked0 Grid Table 4 Accent 4;\lsdpriority50 \lsdlocked0 Grid Table 5 Dark Accent 4;
\lsdpriority51 \lsdlocked0 Grid Table 6 Colorful Accent 4;\lsdpriority52 \lsdlocked0 Grid Table 7 Colorful Accent 4;\lsdpriority46 \lsdlocked0 Grid Table 1 Light Accent 5;\lsdpriority47 \lsdlocked0 Grid Table 2 Accent 5;
\lsdpriority48 \lsdlocked0 Grid Table 3 Accent 5;\lsdpriority49 \lsdlocked0 Grid Table 4 Accent 5;\lsdpriority50 \lsdlocked0 Grid Table 5 Dark Accent 5;\lsdpriority51 \lsdlocked0 Grid Table 6 Colorful Accent 5;
\lsdpriority52 \lsdlocked0 Grid Table 7 Colorful Accent 5;\lsdpriority46 \lsdlocked0 Grid Table 1 Light Accent 6;\lsdpriority47 \lsdlocked0 Grid Table 2 Accent 6;\lsdpriority48 \lsdlocked0 Grid Table 3 Accent 6;
\lsdpriority49 \lsdlocked0 Grid Table 4 Accent 6;\lsdpriority50 \lsdlocked0 Grid Table 5 Dark Accent 6;\lsdpriority51 \lsdlocked0 Grid Table 6 Colorful Accent 6;\lsdpriority52 \lsdlocked0 Grid Table 7 Colorful Accent 6;
\lsdpriority46 \lsdlocked0 List Table 1 Light;\lsdpriority47 \lsdlocked0 List Table 2;\lsdpriority48 \lsdlocked0 List Table 3;\lsdpriority49 \lsdlocked0 List Table 4;\lsdpriority50 \lsdlocked0 List Table 5 Dark;
\lsdpriority51 \lsdlocked0 List Table 6 Colorful;\lsdpriority52 \lsdlocked0 List Table 7 Colorful;\lsdpriority46 \lsdlocked0 List Table 1 Light Accent 1;\lsdpriority47 \lsdlocked0 List Table 2 Accent 1;\lsdpriority48 \lsdlocked0 List Table 3 Accent 1;
\lsdpriority49 \lsdlocked0 List Table 4 Accent 1;\lsdpriority50 \lsdlocked0 List Table 5 Dark Accent 1;\lsdpriority51 \lsdlocked0 List Table 6 Colorful Accent 1;\lsdpriority52 \lsdlocked0 List Table 7 Colorful Accent 1;
\lsdpriority46 \lsdlocked0 List Table 1 Light Accent 2;\lsdpriority47 \lsdlocked0 List Table 2 Accent 2;\lsdpriority48 \lsdlocked0 List Table 3 Accent 2;\lsdpriority49 \lsdlocked0 List Table 4 Accent 2;
\lsdpriority50 \lsdlocked0 List Table 5 Dark Accent 2;\lsdpriority51 \lsdlocked0 List Table 6 Colorful Accent 2;\lsdpriority52 \lsdlocked0 List Table 7 Colorful Accent 2;\lsdpriority46 \lsdlocked0 List Table 1 Light Accent 3;
\lsdpriority47 \lsdlocked0 List Table 2 Accent 3;\lsdpriority48 \lsdlocked0 List Table 3 Accent 3;\lsdpriority49 \lsdlocked0 List Table 4 Accent 3;\lsdpriority50 \lsdlocked0 List Table 5 Dark Accent 3;
\lsdpriority51 \lsdlocked0 List Table 6 Colorful Accent 3;\lsdpriority52 \lsdlocked0 List Table 7 Colorful Accent 3;\lsdpriority46 \lsdlocked0 List Table 1 Light Accent 4;\lsdpriority47 \lsdlocked0 List Table 2 Accent 4;
\lsdpriority48 \lsdlocked0 List Table 3 Accent 4;\lsdpriority49 \lsdlocked0 List Table 4 Accent 4;\lsdpriority50 \lsdlocked0 List Table 5 Dark Accent 4;\lsdpriority51 \lsdlocked0 List Table 6 Colorful Accent 4;
\lsdpriority52 \lsdlocked0 List Table 7 Colorful Accent 4;\lsdpriority46 \lsdlocked0 List Table 1 Light Accent 5;\lsdpriority47 \lsdlocked0 List Table 2 Accent 5;\lsdpriority48 \lsdlocked0 List Table 3 Accent 5;
\lsdpriority49 \lsdlocked0 List Table 4 Accent 5;\lsdpriority50 \lsdlocked0 List Table 5 Dark Accent 5;\lsdpriority51 \lsdlocked0 List Table 6 Colorful Accent 5;\lsdpriority52 \lsdlocked0 List Table 7 Colorful Accent 5;
\lsdpriority46 \lsdlocked0 List Table 1 Light Accent 6;\lsdpriority47 \lsdlocked0 List Table 2 Accent 6;\lsdpriority48 \lsdlocked0 List Table 3 Accent 6;\lsdpriority49 \lsdlocked0 List Table 4 Accent 6;
\lsdpriority50 \lsdlocked0 List Table 5 Dark Accent 6;\lsdpriority51 \lsdlocked0 List Table 6 Colorful Accent 6;\lsdpriority52 \lsdlocked0 List Table 7 Colorful Accent 6;}}{\*\datastore 010500000200000018000000
4d73786d6c322e534158584d4c5265616465722e362e30000000000000000000004a0000
d0cf11e0a1b11ae1000000000000000000000000000000003e000300feff0900060000000000000000000000010000000100000000000000001000000200000001000000feffffff0000000000000000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dffffff04000000feffffff05000000220000001f0000000700000008000000090000000a0000000b0000000c0000000d0000000e0000000f000000100000001100000012000000130000001400000015000000160000001700000018000000190000001a0000001b0000001c0000001d0000001e00
0000feffffff200000002100000023000000fefffffffeffffffffffffffffffffffffffffffffffffffffffffffffffffffffffffffffffffffffffffffffffffffffffffffff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52006f006f007400200045006e00740072007900000000000000000000000000000000000000000000000000000000000000000000000000000000000000000016000500ffffffffffffffff010000000c6ad98892f1d411a65f0040963251e50000000000000000000000002093
fdeabfd9dc0103000000000b0000000000004d0073006f004400610074006100530074006f0072006500000000000000000000000000000000000000000000000000000000000000000000000000000000001a000101ffffffffffffffff0500000000000000000000000000000000000000000000002093fdeabfd9dc01
2093fdeabfd9dc010000000000000000000000004c00d000cb00cd004d004900d400c900ce00c4003000c0003200ca00d600cd00da00cf005200c6005700c0003d003d000000000000000000000000000000000032000100ffffffffffffffff0300000000000000000000000000000000000000000000002093fdeabfd9
dc012093fdeabfd9dc010000000000000000000000004900740065006d0000000000000000000000000000000000000000000000000000000000000000000000000000000000000000000000000000000000000000000a000201ffffffff04000000ffffffff000000000000000000000000000000000000000000000000
00000000000000000000000000000000d30100000000000001000000020000000300000004000000050000000600000007000000feffffff090000000a0000000b0000000c0000000d0000000e0000000f000000feffffff1100000012000000130000001400000015000000160000001700000018000000190000001a00
00001b0000001c0000001d0000001e0000001f0000002000000021000000feffffff230000002400000025000000feffffff2700000028000000290000002a0000002b000000fe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ffffffffffffffffffffffffffffffff3c3f786d6c2076657273696f6e3d22312e302220656e636f64696e673d227574662d38223f3e3c703a70726f7065727469657320786d6c6e733a703d22687474703a2f2f736368656d61732e6d6963726f736f66742e636f6d2f6f666669
63652f323030362f6d657461646174612f70726f706572746965732220786d6c6e733a7873693d22687474703a2f2f7777772e77332e6f72672f323030312f584d4c536368656d612d696e7374616e63652220786d6c6e733a70633d22687474703a2f2f736368656d61732e6d6963726f736f66742e636f6d2f6f666669
63652f696e666f706174682f323030372f506172746e6572436f6e74726f6c73223e3c646f63756d656e744d616e6167656d656e743e3c53746174757320786d6c6e733d2237316166333234332d336464342d346138642d386330642d646437366461316630326135223e4e6f7420737461727465643c2f537461747573
3e3c4d65646961536572766963654b6579506f696e747320786d6c6e733d2237316166333234332d336464342d346138642d386330642d64643736646131663032613522207873693a6e696c3d2274727565222f3e3c2f646f63756d656e744d616e6167656d656e743e3c2f703a70726f706572746965733e0000000000
00000000000000000000000000000000000000000000000000000000000000000000000000000000500072006f007000650072007400690065007300000000000000000000000000000000000000000000000000000000000000000000000000000000000000000016000200ffffffffffffffffffffffff000000000000
00000000000000000000000000000000000000000000000000000000000008000000e601000000000000c400de003300d6004700dc00d500da005000c400ce004e00c200cb00c400d5003000c7003000c300c600d0003d003d00000000000000000000000000000000003200010102000000080000000600000000000000
000000000000000000000000000000002093fdeabfd9dc012093fdeabfd9dc010000000000000000000000004900740065006d0000000000000000000000000000000000000000000000000000000000000000000000000000000000000000000000000000000000000000000a000201ffffffff07000000ffffffff0000
0000000000000000000000000000000000000000000000000000000000000000000006000000b630000000000000500072006f007000650072007400690065007300000000000000000000000000000000000000000000000000000000000000000000000000000000000000000016000200ffffffffffffffffffffffff
000000000000000000000000000000000000000000000000000000000000000000000000100000007d040000000000003c3f786d6c2076657273696f6e3d22312e302220656e636f64696e673d225554462d3822207374616e64616c6f6e653d226e6f223f3e0d0a3c64733a6461746173746f72654974656d2064733a69
74656d49443d227b33304544304132462d323938442d343642412d413037322d4144414445414634363635417d2220786d6c6e733a64733d22687474703a2f2f736368656d61732e6f70656e786d6c666f726d6174732e6f72672f6f6666696365446f63756d656e742f323030362f637573746f6d586d6c223e3c64733a
736368656d61526566733e3c64733a736368656d615265662064733a7572693d22687474703a2f2f736368656d61732e6d6963726f736f66742e636f6d2f6f66666963652f323030362f6d657461646174612f70726f70657274696573222f3e3c64733a736368656d615265662064733a7572693d22687474703a2f2f73
6368656d61732e6d6963726f736f66742e636f6d2f6f66666963652f696e666f706174682f323030372f506172746e6572436f6e74726f6c73222f3e3c64733a736368656d615265662064733a7572693d2237316166333234332d336464342d346138642d386330642d646437366461316630326135222f3e3c2f64733a
736368656d61526566733e3c2f64733a6461746173746f72654974656d3e00000000000000000000000000000000000000000000000000003c3f786d6c2076657273696f6e3d22312e302220656e636f64696e673d227574662d38223f3e3c63743a636f6e74656e7454797065536368656d612063743a5f3d2222206d61
3a5f3d2222206d613a636f6e74656e74547970654e616d653d22446f63756d656e7422206d613a636f6e74656e745479706549443d223078303130313030373946313131454433354638434334373934343936303945384130393233413622206d613a636f6e74656e745479706556657273696f6e3d22313222206d613a
636f6e74656e74547970654465736372697074696f6e3d224372656174652061206e657720646f63756d656e742e22206d613a636f6e74656e745479706553636f70653d2222206d613a76657273696f6e49443d2266613665363731663163643765346439366666393635326265333232646435652220786d6c6e733a63
743d22687474703a2f2f736368656d61732e6d6963726f736f66742e636f6d2f6f66666963652f323030362f6d657461646174612f636f6e74656e74547970652220786d6c6e733a6d613d22687474703a2f2f736368656d61732e6d6963726f736f66742e636f6d2f6f66666963652f323030362f6d657461646174612f
70726f706572746965732f6d65746141747472696275746573223e0d0a3c7873643a736368656d61207461726765744e616d6573706163653d22687474703a2f2f736368656d61732e6d6963726f736f66742e636f6d2f6f66666963652f323030362f6d657461646174612f70726f7065727469657322206d613a726f6f
743d227472756522206d613a6669656c647349443d22346532343936663730623130316462306238303133663330613037316262663722206e73323a5f3d2222206e73333a5f3d222220786d6c6e733a7873643d22687474703a2f2f7777772e77332e6f72672f323030312f584d4c536368656d612220786d6c6e733a78
733d22687474703a2f2f7777772e77332e6f72672f323030312f584d4c536368656d612220786d6c6e733a703d22687474703a2f2f736368656d61732e6d6963726f736f66742e636f6d2f6f66666963652f323030362f6d657461646174612f70726f706572746965732220786d6c6e733a6e73323d2237316166333234
332d336464342d346138642d386330642d6464373664613166303261352220786d6c6e733a6e73333d2231366330353732372d616137352d346534612d396235662d386138306131313635383931223e0d0a3c7873643a696d706f7274206e616d6573706163653d2237316166333234332d336464342d346138642d3863
30642d646437366461316630326135222f3e0d0a3c7873643a696d706f7274206e616d6573706163653d2231366330353732372d616137352d346534612d396235662d386138306131313635383931222f3e0d0a3c7873643a656c656d656e74206e616d653d2270726f70657274696573223e0d0a3c7873643a636f6d70
6c6578547970653e0d0a3c7873643a73657175656e63653e0d0a3c7873643a656c656d656e74206e616d653d22646f63756d656e744d616e6167656d656e74223e0d0a3c7873643a636f6d706c6578547970653e0d0a3c7873643a616c6c3e0d0a3c7873643a656c656d656e74207265663d226e73323a4d656469615365
72766963654d6574616461746122206d696e4f63637572733d2230222f3e0d0a3c7873643a656c656d656e74207265663d226e73323a4d6564696153657276696365466173744d6574616461746122206d696e4f63637572733d2230222f3e0d0a3c7873643a656c656d656e74207265663d226e73323a4d656469615365
72766963654f435222206d696e4f63637572733d2230222f3e0d0a3c7873643a656c656d656e74207265663d226e73323a4d65646961536572766963654175746f5461677322206d696e4f63637572733d2230222f3e0d0a3c7873643a656c656d656e74207265663d226e73323a4d65646961536572766963654576656e
7448617368436f646522206d696e4f63637572733d2230222f3e0d0a3c7873643a656c656d656e74207265663d226e73323a4d656469615365727669636547656e65726174696f6e54696d6522206d696e4f63637572733d2230222f3e0d0a3c7873643a656c656d656e74207265663d226e73333a536861726564576974
68557365727322206d696e4f63637572733d2230222f3e0d0a3c7873643a656c656d656e74207265663d226e73333a5368617265645769746844657461696c7322206d696e4f63637572733d2230222f3e0d0a3c7873643a656c656d656e74207265663d226e73323a4d65646961536572766963654175746f4b6579506f
696e747322206d696e4f63637572733d2230222f3e0d0a3c7873643a656c656d656e74207265663d226e73323a4d65646961536572766963654b6579506f696e747322206d696e4f63637572733d2230222f3e0d0a3c7873643a656c656d656e74207265663d226e73323a4d65646961536572766963654461746554616b
656e22206d696e4f63637572733d2230222f3e0d0a3c7873643a656c656d656e74207265663d226e73323a53746174757322206d696e4f63637572733d2230222f3e0d0a3c2f7873643a616c6c3e0d0a3c2f7873643a636f6d706c6578547970653e0d0a3c2f7873643a656c656d656e743e0d0a3c2f7873643a73657175
656e63653e0d0a3c2f7873643a636f6d706c6578547970653e0d0a3c2f7873643a656c656d656e743e0d0a3c2f7873643a736368656d613e0d0a3c7873643a736368656d61207461726765744e616d6573706163653d2237316166333234332d336464342d346138642d386330642d646437366461316630326135222065
6c656d656e74466f726d44656661756c743d227175616c69666965642220786d6c6e733a7873643d22687474703a2f2f7777772e77332e6f72672f323030312f584d4c536368656d612220786d6c6e733a78733d22687474703a2f2f7777772e77332e6f72672f323030312f584d4c536368656d612220786d6c6e733a64
6d733d22687474703a2f2f736368656d61732e6d6963726f736f66742e636f6d2f6f66666963652f323030362f646f63756d656e744d616e6167656d656e742f74797065732220786d6c6e733a70633d22687474703a2f2f736368656d61732e6d6963726f736f66742e636f6d2f6f66666963652f696e666f706174682f
323030372f506172746e6572436f6e74726f6c73223e0d0a3c7873643a696d706f7274206e616d6573706163653d22687474703a2f2f736368656d61732e6d6963726f736f66742e636f6d2f6f66666963652f323030362f646f63756d656e744d616e6167656d656e742f7479706573222f3e0d0a3c7873643a696d706f
7274206e616d6573706163653d22687474703a2f2f736368656d61732e6d6963726f736f66742e636f6d2f6f66666963652f696e666f706174682f323030372f506172746e6572436f6e74726f6c73222f3e0d0a3c7873643a656c656d656e74206e616d653d224d65646961536572766963654d6574616461746122206d
613a696e6465783d223822206e696c6c61626c653d227472756522206d613a646973706c61794e616d653d224d65646961536572766963654d6574616461746122206d613a68696464656e3d227472756522206d613a696e7465726e616c4e616d653d224d65646961536572766963654d6574616461746122206d613a72
6561644f6e6c793d2274727565223e0d0a3c7873643a73696d706c65547970653e0d0a3c7873643a7265737472696374696f6e20626173653d22646d733a4e6f7465222f3e0d0a3c2f7873643a73696d706c65547970653e0d0a3c2f7873643a656c656d656e743e0d0a3c7873643a656c656d656e74206e616d653d224d
6564696153657276696365466173744d6574616461746122206d613a696e6465783d223922206e696c6c61626c653d227472756522206d613a646973706c61794e616d653d224d6564696153657276696365466173744d6574616461746122206d613a68696464656e3d227472756522206d613a696e7465726e616c4e61
6d653d224d6564696153657276696365466173744d6574616461746122206d613a726561644f6e6c793d2274727565223e0d0a3c7873643a73696d706c65547970653e0d0a3c7873643a7265737472696374696f6e20626173653d22646d733a4e6f7465222f3e0d0a3c2f7873643a73696d706c65547970653e0d0a3c2f
7873643a656c656d656e743e0d0a3c7873643a656c656d656e74206e616d653d224d65646961536572766963654f435222206d613a696e6465783d22313022206e696c6c61626c653d227472756522206d613a646973706c61794e616d653d224d65646961536572766963654f435222206d613a696e7465726e616c4e61
6d653d224d65646961536572766963654f435222206d613a726561644f6e6c793d2274727565223e0d0a3c7873643a73696d706c65547970653e0d0a3c7873643a7265737472696374696f6e20626173653d22646d733a4e6f7465223e0d0a3c7873643a6d61784c656e6774682076616c75653d22323535222f3e0d0a3c
2f7873643a7265737472696374696f6e3e0d0a3c2f7873643a73696d706c65547970653e0d0a3c2f7873643a656c656d656e743e0d0a3c7873643a656c656d656e74206e616d653d224d65646961536572766963654175746f5461677322206d613a696e6465783d22313122206e696c6c61626c653d227472756522206d
613a646973706c61794e616d653d224d65646961536572766963654175746f5461677322206d613a696e7465726e616c4e616d653d224d65646961536572766963654175746f5461677322206d613a726561644f6e6c793d2274727565223e0d0a3c7873643a73696d706c65547970653e0d0a3c7873643a726573747269
6374696f6e20626173653d22646d733a54657874222f3e0d0a3c2f7873643a73696d706c65547970653e0d0a3c2f7873643a656c656d656e743e0d0a3c7873643a656c656d656e74206e616d653d224d65646961536572766963654576656e7448617368436f646522206d613a696e6465783d22313222206e696c6c6162
6c653d227472756522206d613a646973706c61794e616d653d224d65646961536572766963654576656e7448617368436f646522206d613a68696464656e3d227472756522206d613a696e7465726e616c4e616d653d224d65646961536572766963654576656e7448617368436f646522206d613a726561644f6e6c793d
2274727565223e0d0a3c7873643a73696d706c65547970653e0d0a3c7873643a7265737472696374696f6e20626173653d22646d733a54657874222f3e0d0a3c2f7873643a73696d706c65547970653e0d0a3c2f7873643a656c656d656e743e0d0a3c7873643a656c656d656e74206e616d653d224d6564696153657276
69636547656e65726174696f6e54696d6522206d613a696e6465783d22313322206e696c6c61626c653d227472756522206d613a646973706c61794e616d653d224d656469615365727669636547656e65726174696f6e54696d6522206d613a68696464656e3d227472756522206d613a696e7465726e616c4e616d653d
224d656469615365727669636547656e65726174696f6e54696d6522206d613a726561644f6e6c793d2274727565223e0d0a3c7873643a73696d706c65547970653e0d0a3c7873643a7265737472696374696f6e20626173653d22646d733a54657874222f3e0d0a3c2f7873643a73696d706c65547970653e0d0a3c2f78
73643a656c656d656e743e0d0a3c7873643a656c656d656e74206e616d653d224d65646961536572766963654175746f4b6579506f696e747322206d613a696e6465783d22313622206e696c6c61626c653d227472756522206d613a646973706c61794e616d653d224d65646961536572766963654175746f4b6579506f
696e747322206d613a68696464656e3d227472756522206d613a696e7465726e616c4e616d653d224d65646961536572766963654175746f4b6579506f696e747322206d613a726561644f6e6c793d2274727565223e0d0a3c7873643a73696d706c65547970653e0d0a3c7873643a7265737472696374696f6e20626173
653d22646d733a4e6f7465222f3e0d0a3c2f7873643a73696d706c65547970653e0d0a3c2f7873643a656c656d656e743e0d0a3c7873643a656c656d656e74206e616d653d224d65646961536572766963654b6579506f696e747322206d613a696e6465783d22313722206e696c6c61626c653d227472756522206d613a
646973706c61794e616d653d224b6579506f696e747322206d613a696e7465726e616c4e616d653d224d65646961536572766963654b6579506f696e747322206d613a726561644f6e6c793d2266616c7365223e0d0a3c7873643a73696d706c65547970653e0d0a3c7873643a7265737472696374696f6e20626173653d
22646d733a4e6f7465223e0d0a3c7873643a6d61784c656e6774682076616c75653d22323535222f3e0d0a3c2f7873643a7265737472696374696f6e3e0d0a3c2f7873643a73696d706c65547970653e0d0a3c2f7873643a656c656d656e743e0d0a3c7873643a656c656d656e74206e616d653d224d6564696153657276
6963654461746554616b656e22206d613a696e6465783d22313822206e696c6c61626c653d227472756522206d613a646973706c61794e616d653d224d65646961536572766963654461746554616b656e22206d613a68696464656e3d227472756522206d613a696e7465726e616c4e616d653d224d6564696153657276
6963654461746554616b656e22206d613a726561644f6e6c793d2274727565223e0d0a3c7873643a73696d706c65547970653e0d0a3c7873643a7265737472696374696f6e20626173653d22646d733a54657874222f3e0d0a3c2f7873643a73696d706c65547970653e0d0a3c2f7873643a656c656d656e743e0d0a3c78
73643a656c656d656e74206e616d653d2253746174757322206d613a696e6465783d22313922206e696c6c61626c653d227472756522206d613a646973706c61794e616d653d2253746174757322206d613a64656661756c743d224e6f74207374617274656422206d613a666f726d61743d2244726f70646f776e22206d
613a696e7465726e616c4e616d653d22537461747573223e0d0a3c7873643a73696d706c65547970653e0d0a3c7873643a7265737472696374696f6e20626173653d22646d733a43686f696365223e0d0a3c7873643a656e756d65726174696f6e2076616c75653d224e6f742073746172746564222f3e0d0a3c7873643a
656e756d65726174696f6e2076616c75653d22496e2050726f6772657373222f3e0d0a3c7873643a656e756d65726174696f6e2076616c75653d22436f6d706c65746564222f3e0d0a3c2f7873643a7265737472696374696f6e3e0d0a3c2f7873643a73696d706c65547970653e0d0a3c2f7873643a656c656d656e743e
0d0a3c2f7873643a736368656d613e0d0a3c7873643a736368656d61207461726765744e616d6573706163653d2231366330353732372d616137352d346534612d396235662d3861383061313136353839312220656c656d656e74466f726d44656661756c743d227175616c69666965642220786d6c6e733a7873643d22
687474703a2f2f7777772e77332e6f72672f323030312f584d4c536368656d612220786d6c6e733a78733d22687474703a2f2f7777772e77332e6f72672f323030312f584d4c536368656d612220786d6c6e733a646d733d22687474703a2f2f736368656d61732e6d6963726f736f66742e636f6d2f6f66666963652f32
3030362f646f63756d656e744d616e6167656d656e742f74797065732220786d6c6e733a70633d22687474703a2f2f736368656d61732e6d6963726f736f66742e636f6d2f6f66666963652f696e666f706174682f323030372f506172746e6572436f6e74726f6c73223e0d0a3c7873643a696d706f7274206e616d6573
706163653d22687474703a2f2f736368656d61732e6d6963726f736f66742e636f6d2f6f66666963652f323030362f646f63756d656e744d616e6167656d656e742f7479706573222f3e0d0a3c7873643a696d706f7274206e616d6573706163653d22687474703a2f2f736368656d61732e6d6963726f736f66742e636f
6d2f6f66666963652f696e666f706174682f323030372f506172746e6572436f6e74726f6c73222f3e0d0a3c7873643a656c656d656e74206e616d653d2253686172656457697468557365727322206d613a696e6465783d22313422206e696c6c61626c653d227472756522206d613a646973706c61794e616d653d2253
6861726564205769746822206d613a696e7465726e616c4e616d653d2253686172656457697468557365727322206d613a726561644f6e6c793d2274727565223e0d0a3c7873643a636f6d706c6578547970653e0d0a3c7873643a636f6d706c6578436f6e74656e743e0d0a3c7873643a657874656e73696f6e20626173
653d22646d733a557365724d756c7469223e0d0a3c7873643a73657175656e63653e0d0a3c7873643a656c656d656e74206e616d653d2255736572496e666f22206d696e4f63637572733d223022206d61784f63637572733d22756e626f756e646564223e0d0a3c7873643a636f6d706c6578547970653e0d0a3c787364
3a73657175656e63653e0d0a3c7873643a656c656d656e74206e616d653d22446973706c61794e616d652220747970653d227873643a737472696e6722206d696e4f63637572733d2230222f3e0d0a3c7873643a656c656d656e74206e616d653d224163636f756e7449642220747970653d22646d733a55736572496422
206d696e4f63637572733d223022206e696c6c61626c653d2274727565222f3e0d0a3c7873643a656c656d656e74206e616d653d224163636f756e74547970652220747970653d227873643a737472696e6722206d696e4f63637572733d2230222f3e0d0a3c2f7873643a73657175656e63653e0d0a3c2f7873643a636f
6d706c6578547970653e0d0a3c2f7873643a656c656d656e743e0d0a3c2f7873643a73657175656e63653e0d0a3c2f7873643a657874656e73696f6e3e0d0a3c2f7873643a636f6d706c6578436f6e74656e743e0d0a3c2f7873643a636f6d706c6578547970653e0d0a3c2f7873643a656c656d656e743e0d0a3c787364
3a656c656d656e74206e616d653d225368617265645769746844657461696c7322206d613a696e6465783d22313522206e696c6c61626c653d227472756522206d613a646973706c61794e616d653d2253686172656420576974682044657461696c7322206d613a696e7465726e616c4e616d653d225368617265645769
746844657461696c7322206d613a726561644f6e6c793d2274727565223e0d0a3c7873643a73696d706c65547970653e0d0a3c7873643a7265737472696374696f6e20626173653d22646d733a4e6f7465223e0d0a3c7873643a6d61784c656e6774682076616c75653d22323535222f3e0d0a3c2f7873643a7265737472
696374696f6e3e0d0a3c2f7873643a73696d706c65547970653e0d0a3c2f7873643a656c656d656e743e0d0a3c2f7873643a736368656d613e0d0a3c7873643a736368656d61207461726765744e616d6573706163653d22687474703a2f2f736368656d61732e6f70656e786d6c666f726d6174732e6f72672f7061636b
6167652f323030362f6d657461646174612f636f72652d70726f706572746965732220656c656d656e74466f726d44656661756c743d227175616c69666965642220617474726962757465466f726d44656661756c743d22756e7175616c69666965642220626c6f636b44656661756c743d2223616c6c2220786d6c6e73
3d22687474703a2f2f736368656d61732e6f70656e786d6c666f726d6174732e6f72672f7061636b6167652f323030362f6d657461646174612f636f72652d70726f706572746965732220786d6c6e733a7873643d22687474703a2f2f7777772e77332e6f72672f323030312f584d4c536368656d612220786d6c6e733a
7873693d22687474703a2f2f7777772e77332e6f72672f323030312f584d4c536368656d612d696e7374616e63652220786d6c6e733a64633d22687474703a2f2f7075726c2e6f72672f64632f656c656d656e74732f312e312f2220786d6c6e733a64637465726d733d22687474703a2f2f7075726c2e6f72672f64632f
7465726d732f2220786d6c6e733a6f646f633d22687474703a2f2f736368656d61732e6d6963726f736f66742e636f6d2f696e7465726e616c2f6f6264223e0d0a3c7873643a696d706f7274206e616d6573706163653d22687474703a2f2f7075726c2e6f72672f64632f656c656d656e74732f312e312f222073636865
6d614c6f636174696f6e3d22687474703a2f2f6475626c696e636f72652e6f72672f736368656d61732f786d6c732f7164632f323030332f30342f30322f64632e787364222f3e0d0a3c7873643a696d706f7274206e616d6573706163653d22687474703a2f2f7075726c2e6f72672f64632f7465726d732f2220736368
656d614c6f636174696f6e3d22687474703a2f2f6475626c696e636f72652e6f72672f736368656d61732f786d6c732f7164632f323030332f30342f30322f64637465726d732e787364222f3e0d0a3c7873643a656c656d656e74206e616d653d22636f726550726f706572746965732220747970653d2243545f636f72
6550726f70657274696573222f3e0d0a3c7873643a636f6d706c657854797065206e616d653d2243545f636f726550726f70657274696573223e0d0a3c7873643a616c6c3e0d0a3c7873643a656c656d656e74207265663d2264633a63726561746f7222206d696e4f63637572733d223022206d61784f63637572733d22
31222f3e0d0a3c7873643a656c656d656e74207265663d2264637465726d733a6372656174656422206d696e4f63637572733d223022206d61784f63637572733d2231222f3e0d0a3c7873643a656c656d656e74207265663d2264633a6964656e74696669657222206d696e4f63637572733d223022206d61784f636375
72733d2231222f3e0d0a3c7873643a656c656d656e74206e616d653d22636f6e74656e745479706522206d696e4f63637572733d223022206d61784f63637572733d22312220747970653d227873643a737472696e6722206d613a696e6465783d223022206d613a646973706c61794e616d653d22436f6e74656e742054
797065222f3e0d0a3c7873643a656c656d656e74207265663d2264633a7469746c6522206d696e4f63637572733d223022206d61784f63637572733d223122206d613a696e6465783d223422206d613a646973706c61794e616d653d225469746c65222f3e0d0a3c7873643a656c656d656e74207265663d2264633a7375
626a65637422206d696e4f63637572733d223022206d61784f63637572733d2231222f3e0d0a3c7873643a656c656d656e74207265663d2264633a6465736372697074696f6e22206d696e4f63637572733d223022206d61784f63637572733d2231222f3e0d0a3c7873643a656c656d656e74206e616d653d226b657977
6f72647322206d696e4f63637572733d223022206d61784f63637572733d22312220747970653d227873643a737472696e67222f3e0d0a3c7873643a656c656d656e74207265663d2264633a6c616e677561676522206d696e4f63637572733d223022206d61784f63637572733d2231222f3e0d0a3c7873643a656c656d
656e74206e616d653d2263617465676f727922206d696e4f63637572733d223022206d61784f63637572733d22312220747970653d227873643a737472696e67222f3e0d0a3c7873643a656c656d656e74206e616d653d2276657273696f6e22206d696e4f63637572733d223022206d61784f63637572733d2231222074
7970653d227873643a737472696e67222f3e0d0a3c7873643a656c656d656e74206e616d653d227265766973696f6e22206d696e4f63637572733d223022206d61784f63637572733d22312220747970653d227873643a737472696e67223e0d0a3c7873643a616e6e6f746174696f6e3e0d0a3c7873643a646f63756d65
6e746174696f6e3e0d0a202020202020202020202020202020202020202020202020546869732076616c756520696e6469636174657320746865206e756d626572206f66207361766573206f72207265766973696f6e732e20546865206170706c69636174696f6e20697320726573706f6e7369626c6520666f72207570
646174696e6720746869732076616c75652061667465722065616368207265766973696f6e2e0d0a20202020202020202020202020202020202020203c2f7873643a646f63756d656e746174696f6e3e0d0a3c2f7873643a616e6e6f746174696f6e3e0d0a3c2f7873643a656c656d656e743e0d0a3c7873643a656c656d
656e74206e616d653d226c6173744d6f646966696564427922206d696e4f63637572733d223022206d61784f63637572733d22312220747970653d227873643a737472696e67222f3e0d0a3c7873643a656c656d656e74207265663d2264637465726d733a6d6f64696669656422206d696e4f63637572733d223022206d
61784f63637572733d2231222f3e0d0a3c7873643a656c656d656e74206e616d653d22636f6e74656e7453746174757322206d696e4f63637572733d223022206d61784f63637572733d22312220747970653d227873643a737472696e67222f3e0d0a3c2f7873643a616c6c3e0d0a3c2f7873643a636f6d706c65785479
70653e0d0a3c2f7873643a736368656d613e0d0a3c78733a736368656d61207461726765744e616d6573706163653d22687474703a2f2f736368656d61732e6d6963726f736f66742e636f6d2f6f66666963652f696e666f706174682f323030372f506172746e6572436f6e74726f6c732220656c656d656e74466f726d
44656661756c743d227175616c69666965642220617474726962757465466f726d44656661756c743d22756e7175616c69666965642220786d6c6e733a70633d22687474703a2f2f736368656d61732e6d6963726f736f66742e636f6d2f6f66666963652f696e666f706174682f323030372f506172746e6572436f6e74
726f6c732220786d6c6e733a78733d22687474703a2f2f7777772e77332e6f72672f323030312f584d4c536368656d61223e0d0a3c78733a656c656d656e74206e616d653d22506572736f6e223e0d0a3c78733a636f6d706c6578547970653e0d0a3c78733a73657175656e63653e0d0a3c78733a656c656d656e742072
65663d2270633a446973706c61794e616d6522206d696e4f63637572733d2230223e3c2f78733a656c656d656e743e0d0a3c78733a656c656d656e74207265663d2270633a4163636f756e74496422206d696e4f63637572733d2230223e3c2f78733a656c656d656e743e0d0a3c78733a656c656d656e74207265663d22
70633a4163636f756e745479706522206d696e4f63637572733d2230223e3c2f78733a656c656d656e743e0d0a3c2f78733a73657175656e63653e0d0a3c2f78733a636f6d706c6578547970653e0d0a3c2f78733a656c656d656e743e0d0a3c78733a656c656d656e74206e616d653d22446973706c61794e616d652220
747970653d2278733a737472696e67223e3c2f78733a656c656d656e743e0d0a3c78733a656c656d656e74206e616d653d224163636f756e7449642220747970653d2278733a737472696e67223e3c2f78733a656c656d656e743e0d0a3c78733a656c656d656e74206e616d653d224163636f756e745479706522207479
70653d2278733a737472696e67223e3c2f78733a656c656d656e743e0d0a3c78733a656c656d656e74206e616d653d224244434173736f636961746564456e74697479223e0d0a3c78733a636f6d706c6578547970653e0d0a3c78733a73657175656e63653e0d0a3c78733a656c656d656e74207265663d2270633a4244
43456e7469747922206d696e4f63637572733d223022206d61784f63637572733d22756e626f756e646564223e3c2f78733a656c656d656e743e0d0a3c2f78733a73657175656e63653e0d0a3c78733a617474726962757465207265663d2270633a456e746974794e616d657370616365223e3c2f78733a617474726962
7574653e0d0a3c78733a617474726962757465207265663d2270633a456e746974794e616d65223e3c2f78733a6174747269627574653e0d0a3c78733a617474726962757465207265663d2270633a53797374656d496e7374616e63654e616d65223e3c2f78733a6174747269627574653e0d0a3c78733a617474726962
757465207265663d2270633a4173736f63696174696f6e4e616d65223e3c2f78733a6174747269627574653e0d0a3c2f78733a636f6d706c6578547970653e0d0a3c2f78733a656c656d656e743e0d0a3c78733a617474726962757465206e616d653d22456e746974794e616d6573706163652220747970653d2278733a
737472696e67223e3c2f78733a6174747269627574653e0d0a3c78733a617474726962757465206e616d653d22456e746974794e616d652220747970653d2278733a737472696e67223e3c2f78733a6174747269627574653e0d0a3c78733a617474726962757465206e616d653d2253797374656d496e7374616e63654e
616d652220747970653d2278733a737472696e67223e3c2f78733a6174747269627574653e0d0a3c78733a617474726962757465206e616d653d224173736f63696174696f6e4e616d652220747970653d2278733a737472696e67223e3c2f78733a6174747269627574653e0d0a3c78733a656c656d656e74206e616d65
3d22424443456e74697479223e0d0a3c78733a636f6d706c6578547970653e0d0a3c78733a73657175656e63653e0d0a3c78733a656c656d656e74207265663d2270633a456e74697479446973706c61794e616d6522206d696e4f63637572733d2230223e3c2f78733a656c656d656e743e0d0a3c78733a656c656d656e
74207265663d2270633a456e74697479496e7374616e63655265666572656e636522206d696e4f63637572733d2230223e3c2f78733a656c656d656e743e0d0a3c78733a656c656d656e74207265663d2270633a456e7469747949643122206d696e4f63637572733d2230223e3c2f78733a656c656d656e743e0d0a3c78
733a656c656d656e74207265663d2270633a456e7469747949643222206d696e4f63637572733d2230223e3c2f78733a656c656d656e743e0d0a3c78733a656c656d656e74207265663d2270633a456e7469747949643322206d696e4f63637572733d2230223e3c2f78733a656c656d656e743e0d0a3c78733a656c656d
656e74207265663d2270633a456e7469747949643422206d696e4f63637572733d2230223e3c2f78733a656c656d656e743e0d0a3c78733a656c656d656e74207265663d2270633a456e7469747949643522206d696e4f63637572733d2230223e3c2f78733a656c656d656e743e0d0a3c2f78733a73657175656e63653e
0d0a3c2f78733a636f6d706c6578547970653e0d0a3c2f78733a656c656d656e743e0d0a3c78733a656c656d656e74206e616d653d22456e74697479446973706c61794e616d652220747970653d2278733a737472696e67223e3c2f78733a656c656d656e743e0d0a3c78733a656c656d656e74206e616d653d22456e74
697479496e7374616e63655265666572656e63652220747970653d2278733a737472696e67223e3c2f78733a656c656d656e743e0d0a3c78733a656c656d656e74206e616d653d22456e746974794964312220747970653d2278733a737472696e67223e3c2f78733a656c656d656e743e0d0a3c78733a656c656d656e74
206e616d653d22456e746974794964322220747970653d2278733a737472696e67223e3c2f78733a656c656d656e743e0d0a3c78733a656c656d656e74206e616d653d22456e746974794964332220747970653d2278733a737472696e67223e3c2f78733a656c656d656e743e0d0a3c78733a656c656d656e74206e616d
653d22456e746974794964342220747970653d2278733a737472696e67223e3c2f78733a656c656d656e743e0d0a3c78733a656c656d656e74206e616d653d22456e746974794964352220747970653d2278733a737472696e67223e3c2f78733a656c656d656e743e0d0a3c78733a656c656d656e74206e616d653d2254
65726d73223e0d0a3c78733a636f6d706c6578547970653e0d0a3c78733a73657175656e63653e0d0a3c78733a656c656d656e74207265663d2270633a5465726d496e666f22206d696e4f63637572733d223022206d61784f63637572733d22756e626f756e646564223e3c2f78733a656c656d656e743e0d0a3c2f7873
3a73657175656e63653e0d0a3c2f78733a636f6d706c6578547970653e0d0a3c2f78733a656c656d656e743e0d0a3c78733a656c656d656e74206e616d653d225465726d496e666f223e0d0a3c78733a636f6d706c6578547970653e0d0a3c78733a73657175656e63653e0d0a3c78733a656c656d656e74207265663d22
70633a5465726d4e616d6522206d696e4f63637572733d2230223e3c2f78733a656c656d656e743e0d0a3c78733a656c656d656e74207265663d2270633a5465726d496422206d696e4f63637572733d2230223e3c2f78733a656c656d656e743e0d0a3c2f78733a73657175656e63653e0d0a3c2f78733a636f6d706c65
78547970653e0d0a3c2f78733a656c656d656e743e0d0a3c78733a656c656d656e74206e616d653d225465726d4e616d652220747970653d2278733a737472696e67223e3c2f78733a656c656d656e743e0d0a3c78733a656c656d656e74206e616d653d225465726d49642220747970653d2278733a737472696e67223e
3c2f78733a656c656d656e743e0d0a3c2f78733a736368656d613e0d0a3c2f63743a636f6e74656e7454797065536368656d613e0000000000000000000000000000000000000000000000000000000000000000000000000000000000000000000000000000000000000000000000000000000000000000000000000000
000000000000000000000000000000000000000000000000000000000000000000000000000000000000000000000000000000000000000000000000000000000000000000000000000000000000000000000000000000000000000000000000000000000000000000000000000000000000000000000000000000000000
000000000000000000000000000000000000000000000000000000000000000000000000000000000000000000000000000000000000000000000000000000000000000000000000000000000000000000000000000000000000000000000000000000000000000000000000000000000000000000000000000000000000
000000003c3f786d6c2076657273696f6e3d22312e302220656e636f64696e673d225554462d3822207374616e64616c6f6e653d226e6f223f3e0d0a3c64733a6461746173746f72654974656d2064733a6974656d49443d227b31423736453739332d374143442d344233452d384438412d423933353641373641333942
7d2220786d6c6e733a64733d22687474703a2f2f736368656d61732e6f70656e786d6c666f726d6174732e6f72672f6f6666696365446f63756d656e742f323030362f637573746f6d586d6c223e3c64733a736368656d61526566733e3c64733a736368656d615265662064733a7572693d22687474703a2f2f73636865
6d61732e6d6963726f736f66742e636f6d2f6f66666963652f323030362f6d657461646174612f636f6e74656e7454797065222f3e3c64733a736368656d615265662064733a7572693d22687474703a2f2f736368656d61732e6d6963726f736f66742e636f6d2f6f66666963652f323030362f6d657461646174612f70
726f706572746965732f6d65746141747472696275746573222f3e3c64733a736368656d615265662064733a7572693d22687474703a2f2f7777772e77332e6f72672f323030312f584d4c536368656d61222f3e3c64733a736368656d615265662064733a7572693d22687474703a2f2f736368656d61732e6d6963726f
736f66742e636f6d2f6f66666963652f323030362f6d657461646174612f70726f70657274696573222f3e3c64733a736368656d615265662064733a7572693d2237316166333234332d336464342d346138642d386330642d646437366461316630326135222f3e3c64733a736368656d615265662064733a7572693d22
31366330353732372d616137352d346534612d396235662d386138306131313635383931222f3e3c64733a736368656d615265662064733a7572693d22687474703a2f2f736368656d61732e6d6963726f736f66742e636f6d2f6f66666963652f323030362f646f63756d656e744d616e6167656d656e742f7479706573
222f3e3c64733a736368656d615265662064733a7572693d22687474703a2f2f736368656d61732e6d6963726f736f66742e636f6d2f6f66666963652f696e666f706174682f323030372f506172746e6572436f6e74726f6c73222f3e3c64733a736368656d615265662064733a7572693d22687474703a2f2f73636865
6d61732e6f70656e786d6c666f726d6174732e6f72672f7061636b6167652f323030362f6d657461646174612f636f72652d70726f70657274696573222f3e3c64733a736368656d615265662064733a7572693d22687474703a2f2f7075726c2e6f72672f64632f656c656d656e74732f312e312f222f3e3c64733a7363
68656d615265662064733a7572693d22687474703a2f2f7075726c2e6f72672f64632f7465726d732f222f3e3c64733a736368656d615265662064733a7572693d22687474703a2f2f736368656d61732e6d6963726f736f66742e636f6d2f696e7465726e616c2f6f6264222f3e3c2f64733a736368656d61526566733e
3c2f64733a6461746173746f72654974656d3e0000003c3f6d736f2d636f6e74656e74547970653f3e3c466f726d54656d706c6174657320786d6c6e733d22687474703a2f2f736368656d61732e6d6963726f736f66742e636f6d2f7368617265706f696e742f76332f636f6e74656e74747970652f666f726d73223e3c
446973706c61793e446f63756d656e744c696272617279466f726d3c2f446973706c61793e3c456469743e446f63756d656e744c696272617279466f726d3c2f456469743e3c4e65773e446f63756d656e744c696272617279466f726d3c2f4e65773e3c2f466f726d54656d706c617465733e0000000000000000000000
00000000000000000000000000000000000000000000000000003c3f786d6c2076657273696f6e3d22312e302220656e636f64696e673d225554462d3822207374616e64616c6f6e653d226e6f223f3e0d0a3c64733a6461746173746f72654974656d2064733a6974656d49443d227b43303738423846322d384334422d
344138342d394643342d3133373141373343394332377d2220786d6cdc00cb00c100d800d0004500ce004d00c1004500ca003500d10042004e00d100c900d300d20032004a00d0003d003d000000000000000000000000000000000032000100ffffffffffffffff09000000000000000000000000000000000000000000
00002093fdeabfd9dc012093fdeabfd9dc010000000000000000000000004900740065006d0000000000000000000000000000000000000000000000000000000000000000000000000000000000000000000000000000000000000000000a000201ffffffff0a000000ffffffff00000000000000000000000000000000
000000000000000000000000000000000000000022000000db00000000000000500072006f007000650072007400690065007300000000000000000000000000000000000000000000000000000000000000000000000000000000000000000016000200ffffffffffffffffffffffff0000000000000000000000000000
00000000000000000000000000000000000000000000260000004f010000000000000000000000000000000000000000000000000000000000000000000000000000000000000000000000000000000000000000000000000000000000000000000000000000ffffffffffffffffffffffff000000000000000000000000
0000000000000000000000000000000000000000000000000000000000000000000000006e733a64733d22687474703a2f2f736368656d61732e6f70656e786d6c666f726d6174732e6f72672f6f6666696365446f63756d656e742f323030362f637573746f6d586d6c223e3c64733a736368656d61526566733e3c6473
3a736368656d615265662064733a7572693d22687474703a2f2f736368656d61732e6d6963726f736f66742e636f6d2f7368617265706f696e742f76332f636f6e74656e74747970652f666f726d73222f3e3c2f64733a736368656d61526566733e3c2f64733a6461746173746f72654974656d3e000000000000000000
000000000000000000000000000000000000000000000000000000000000000000000000000000000000000000000000000000000000000000000000000000000000000000000000000000000000000000000000000000000000000000000000000000000000000000000000000000000000000000000000000000000000
000000000000000000000000000000000000000000000000000000000000000000000000000000000000000000000000000000000000000000000000000000000000000000000000000000000000000000000000000000000000000000000000000000000000000000000000000000000000000000000000000000000000
00000000000000000000000000000000000000000000000000000000000000000000000000000000000000000105000000000000}}}}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en-IN" w:vendorID="64" w:dllVersion="131078" w:nlCheck="1" w:checkStyle="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A49ED"/>
    <w:rsid w:val="00074D9D"/>
    <w:rsid w:val="00080084"/>
    <w:rsid w:val="001B3924"/>
    <w:rsid w:val="001E3DFD"/>
    <w:rsid w:val="00252E1F"/>
    <w:rsid w:val="002A49ED"/>
    <w:rsid w:val="00664725"/>
    <w:rsid w:val="0077561D"/>
    <w:rsid w:val="007F29A6"/>
    <w:rsid w:val="00826A2C"/>
    <w:rsid w:val="009D1B64"/>
    <w:rsid w:val="00AE5E02"/>
    <w:rsid w:val="00BF2C60"/>
    <w:rsid w:val="00EF5273"/>
  </w:rsids>
  <m:mathPr>
    <m:mathFont m:val="Cambria Math"/>
    <m:brkBin m:val="before"/>
    <m:brkBinSub m:val="--"/>
    <m:smallFrac m:val="0"/>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0F2D78B9-F413-452C-BADE-99691C5D040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IN"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5" Type="http://schemas.openxmlformats.org/officeDocument/2006/relationships/theme" Target="theme/theme1.xml"/><Relationship Id="rId4" Type="http://schemas.openxmlformats.org/officeDocument/2006/relationships/fontTable" Target="fontTable.xml"/><Relationship Type="http://schemas.openxmlformats.org/officeDocument/2006/relationships/aFChunk" Target="/word/ghter.xml" Id="RUm6"/></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4</TotalTime>
  <Pages>1</Pages>
  <Words>0</Words>
  <Characters>0</Characters>
  <Application>Microsoft Office Word</Application>
  <DocSecurity>0</DocSecurity>
  <Lines>0</Lines>
  <Paragraphs>0</Paragraphs>
  <ScaleCrop>false</ScaleCrop>
  <Company>Microsoft</Company>
  <LinksUpToDate>false</LinksUpToDate>
  <CharactersWithSpaces>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icrosoft</dc:creator>
  <cp:keywords/>
  <dc:description/>
  <cp:lastModifiedBy>John</cp:lastModifiedBy>
  <cp:revision>10</cp:revision>
  <cp:lastPrinted>2020-01-30T08:36:00Z</cp:lastPrinted>
  <dcterms:created xsi:type="dcterms:W3CDTF">2020-01-30T08:31:00Z</dcterms:created>
  <dcterms:modified xsi:type="dcterms:W3CDTF">2026-01-10T16:56:00Z</dcterms:modified>
</cp:coreProperties>
</file>